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P:\18_幼児教育無償化関連\ホームページ\様式\ホームページ用\"/>
    </mc:Choice>
  </mc:AlternateContent>
  <xr:revisionPtr revIDLastSave="0" documentId="8_{A1E879C9-EFC5-4745-8198-50EA61F6F94F}" xr6:coauthVersionLast="47" xr6:coauthVersionMax="47" xr10:uidLastSave="{00000000-0000-0000-0000-000000000000}"/>
  <bookViews>
    <workbookView xWindow="-120" yWindow="-120" windowWidth="29040" windowHeight="15840" xr2:uid="{11CACDC8-2BEA-4E67-946F-DEEC1DDF9213}"/>
  </bookViews>
  <sheets>
    <sheet name="診断書（保護者用）" sheetId="1" r:id="rId1"/>
  </sheets>
  <externalReferences>
    <externalReference r:id="rId2"/>
    <externalReference r:id="rId3"/>
  </externalReferences>
  <definedNames>
    <definedName name="_xlnm.Print_Area" localSheetId="0">'診断書（保護者用）'!$A$1:$W$39</definedName>
    <definedName name="価格" localSheetId="0">[1]Sheet1!$C:$C</definedName>
    <definedName name="価格">[2]Sheet1!$C:$C</definedName>
    <definedName name="金額" localSheetId="0">[1]Sheet1!$E:$E</definedName>
    <definedName name="金額">[2]Sheet1!$E:$E</definedName>
    <definedName name="個数" localSheetId="0">[1]Sheet1!$D:$D</definedName>
    <definedName name="個数">[2]Sheet1!$D:$D</definedName>
    <definedName name="消費税率" localSheetId="0">[1]Sheet1!$F$1</definedName>
    <definedName name="消費税率">[2]Sheet1!$F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65" uniqueCount="47">
  <si>
    <t>保護者記入</t>
    <rPh sb="0" eb="1">
      <t>ホ</t>
    </rPh>
    <rPh sb="1" eb="2">
      <t>マモル</t>
    </rPh>
    <rPh sb="2" eb="3">
      <t>シャ</t>
    </rPh>
    <rPh sb="3" eb="4">
      <t>キ</t>
    </rPh>
    <rPh sb="4" eb="5">
      <t>ニュウ</t>
    </rPh>
    <phoneticPr fontId="3"/>
  </si>
  <si>
    <t>入所（入所申込）児童名</t>
    <rPh sb="0" eb="2">
      <t>ニュウショ</t>
    </rPh>
    <rPh sb="3" eb="5">
      <t>ニュウショ</t>
    </rPh>
    <rPh sb="5" eb="7">
      <t>モウシコミ</t>
    </rPh>
    <rPh sb="8" eb="10">
      <t>ジドウ</t>
    </rPh>
    <rPh sb="10" eb="11">
      <t>メイ</t>
    </rPh>
    <phoneticPr fontId="3"/>
  </si>
  <si>
    <t>性別</t>
    <rPh sb="0" eb="2">
      <t>セイベツ</t>
    </rPh>
    <phoneticPr fontId="3"/>
  </si>
  <si>
    <t>生 年 月 日</t>
    <rPh sb="0" eb="1">
      <t>セイ</t>
    </rPh>
    <rPh sb="2" eb="3">
      <t>ネン</t>
    </rPh>
    <rPh sb="4" eb="5">
      <t>ガツ</t>
    </rPh>
    <rPh sb="6" eb="7">
      <t>ニチ</t>
    </rPh>
    <phoneticPr fontId="3"/>
  </si>
  <si>
    <t>施 設 名</t>
    <rPh sb="0" eb="1">
      <t>シ</t>
    </rPh>
    <rPh sb="2" eb="3">
      <t>セツ</t>
    </rPh>
    <rPh sb="4" eb="5">
      <t>メイ</t>
    </rPh>
    <phoneticPr fontId="3"/>
  </si>
  <si>
    <t>男 ・ 女</t>
    <rPh sb="0" eb="1">
      <t>オトコ</t>
    </rPh>
    <rPh sb="4" eb="5">
      <t>オンナ</t>
    </rPh>
    <phoneticPr fontId="3"/>
  </si>
  <si>
    <t>H
R　　</t>
    <phoneticPr fontId="3"/>
  </si>
  <si>
    <t>　　　年　 　　月　 　　日生</t>
    <rPh sb="3" eb="4">
      <t>ネン</t>
    </rPh>
    <rPh sb="8" eb="9">
      <t>ガツ</t>
    </rPh>
    <rPh sb="13" eb="14">
      <t>ニチ</t>
    </rPh>
    <rPh sb="14" eb="15">
      <t>ショウ</t>
    </rPh>
    <phoneticPr fontId="3"/>
  </si>
  <si>
    <t>　　　　　 （ 在園児 ・ 新規 ）</t>
    <rPh sb="8" eb="9">
      <t>ザイ</t>
    </rPh>
    <rPh sb="9" eb="10">
      <t>エン</t>
    </rPh>
    <rPh sb="10" eb="11">
      <t>ジ</t>
    </rPh>
    <rPh sb="14" eb="16">
      <t>シンキ</t>
    </rPh>
    <phoneticPr fontId="3"/>
  </si>
  <si>
    <t>診　断　書　（保 護 者 用）</t>
    <rPh sb="0" eb="1">
      <t>ミ</t>
    </rPh>
    <rPh sb="2" eb="3">
      <t>ダン</t>
    </rPh>
    <rPh sb="4" eb="5">
      <t>ショ</t>
    </rPh>
    <rPh sb="7" eb="8">
      <t>タモツ</t>
    </rPh>
    <rPh sb="9" eb="10">
      <t>ユズル</t>
    </rPh>
    <rPh sb="11" eb="12">
      <t>シャ</t>
    </rPh>
    <rPh sb="13" eb="14">
      <t>ヨウ</t>
    </rPh>
    <phoneticPr fontId="3"/>
  </si>
  <si>
    <t xml:space="preserve"> 〔診断を受ける方〕</t>
    <rPh sb="2" eb="4">
      <t>シンダン</t>
    </rPh>
    <rPh sb="5" eb="6">
      <t>ウ</t>
    </rPh>
    <rPh sb="8" eb="9">
      <t>カタ</t>
    </rPh>
    <phoneticPr fontId="3"/>
  </si>
  <si>
    <t>氏名</t>
    <rPh sb="0" eb="2">
      <t>シメイ</t>
    </rPh>
    <phoneticPr fontId="3"/>
  </si>
  <si>
    <t>：</t>
    <phoneticPr fontId="3"/>
  </si>
  <si>
    <t>児童との続柄：</t>
    <rPh sb="0" eb="2">
      <t>ジドウ</t>
    </rPh>
    <rPh sb="4" eb="5">
      <t>ツヅ</t>
    </rPh>
    <rPh sb="5" eb="6">
      <t>ガラ</t>
    </rPh>
    <phoneticPr fontId="3"/>
  </si>
  <si>
    <t>生年月日</t>
    <rPh sb="0" eb="2">
      <t>セイネン</t>
    </rPh>
    <rPh sb="2" eb="4">
      <t>ガッピ</t>
    </rPh>
    <phoneticPr fontId="3"/>
  </si>
  <si>
    <t>明 ・ 大 ・ 昭 ・ 平  　　　　年　　　　月　　　　日生</t>
    <rPh sb="0" eb="1">
      <t>メイ</t>
    </rPh>
    <rPh sb="4" eb="5">
      <t>ダイ</t>
    </rPh>
    <rPh sb="8" eb="9">
      <t>アキラ</t>
    </rPh>
    <rPh sb="12" eb="13">
      <t>ヒラ</t>
    </rPh>
    <rPh sb="19" eb="20">
      <t>ネン</t>
    </rPh>
    <rPh sb="24" eb="25">
      <t>ガツ</t>
    </rPh>
    <rPh sb="29" eb="30">
      <t>ヒ</t>
    </rPh>
    <rPh sb="30" eb="31">
      <t>セイ</t>
    </rPh>
    <phoneticPr fontId="3"/>
  </si>
  <si>
    <t>　</t>
    <phoneticPr fontId="3"/>
  </si>
  <si>
    <t>住所</t>
    <rPh sb="0" eb="2">
      <t>ジュウショ</t>
    </rPh>
    <phoneticPr fontId="3"/>
  </si>
  <si>
    <t>電話番号</t>
    <rPh sb="0" eb="2">
      <t>デンワ</t>
    </rPh>
    <rPh sb="2" eb="4">
      <t>バンゴウ</t>
    </rPh>
    <phoneticPr fontId="3"/>
  </si>
  <si>
    <t>（自宅）　　　　　　ー</t>
    <rPh sb="1" eb="3">
      <t>ジタク</t>
    </rPh>
    <phoneticPr fontId="3"/>
  </si>
  <si>
    <t>－</t>
    <phoneticPr fontId="3"/>
  </si>
  <si>
    <t>（携帯）　　　　　　ー</t>
    <rPh sb="1" eb="3">
      <t>ケイタイ</t>
    </rPh>
    <phoneticPr fontId="3"/>
  </si>
  <si>
    <t>　〔初診年月日〕</t>
    <rPh sb="2" eb="4">
      <t>ショシン</t>
    </rPh>
    <rPh sb="4" eb="7">
      <t>ネンガッピ</t>
    </rPh>
    <phoneticPr fontId="3"/>
  </si>
  <si>
    <t>　〔病　　　　名〕</t>
    <rPh sb="2" eb="3">
      <t>ビョウ</t>
    </rPh>
    <rPh sb="7" eb="8">
      <t>メイ</t>
    </rPh>
    <phoneticPr fontId="3"/>
  </si>
  <si>
    <t>昭 ・ 平 ・ 令　　　 年　　　月　　　日</t>
    <rPh sb="13" eb="14">
      <t>ネン</t>
    </rPh>
    <rPh sb="17" eb="18">
      <t>ガツ</t>
    </rPh>
    <rPh sb="21" eb="22">
      <t>ニチ</t>
    </rPh>
    <phoneticPr fontId="3"/>
  </si>
  <si>
    <t>　〔症　　　　状〕</t>
    <rPh sb="2" eb="3">
      <t>ショウ</t>
    </rPh>
    <rPh sb="7" eb="8">
      <t>ジョウ</t>
    </rPh>
    <phoneticPr fontId="3"/>
  </si>
  <si>
    <t>　〔療　養　期　間〕</t>
    <rPh sb="2" eb="3">
      <t>リョウ</t>
    </rPh>
    <rPh sb="4" eb="5">
      <t>ヨウ</t>
    </rPh>
    <rPh sb="6" eb="7">
      <t>キ</t>
    </rPh>
    <rPh sb="8" eb="9">
      <t>アイダ</t>
    </rPh>
    <phoneticPr fontId="3"/>
  </si>
  <si>
    <t>平成・令和　　　　　年　　　　　　　月　　　　　　日から</t>
    <rPh sb="0" eb="2">
      <t>ヘイセイ</t>
    </rPh>
    <rPh sb="3" eb="4">
      <t>レイ</t>
    </rPh>
    <rPh sb="4" eb="5">
      <t>ワ</t>
    </rPh>
    <rPh sb="10" eb="11">
      <t>ネン</t>
    </rPh>
    <rPh sb="18" eb="19">
      <t>ガツ</t>
    </rPh>
    <rPh sb="25" eb="26">
      <t>ニチ</t>
    </rPh>
    <phoneticPr fontId="3"/>
  </si>
  <si>
    <t>平成・令和　　　　　年　　　　　　　月　　　　　　日まで</t>
    <rPh sb="0" eb="2">
      <t>ヘイセイ</t>
    </rPh>
    <rPh sb="3" eb="4">
      <t>レイ</t>
    </rPh>
    <rPh sb="4" eb="5">
      <t>ワ</t>
    </rPh>
    <rPh sb="10" eb="11">
      <t>ネン</t>
    </rPh>
    <rPh sb="18" eb="19">
      <t>ガツ</t>
    </rPh>
    <rPh sb="25" eb="26">
      <t>ニチ</t>
    </rPh>
    <phoneticPr fontId="3"/>
  </si>
  <si>
    <t>　〔所　　　　見〕</t>
    <rPh sb="2" eb="3">
      <t>トコロ</t>
    </rPh>
    <rPh sb="7" eb="8">
      <t>ケン</t>
    </rPh>
    <phoneticPr fontId="3"/>
  </si>
  <si>
    <t>各項目の該当箇所にチェックをつけてください。</t>
    <phoneticPr fontId="2"/>
  </si>
  <si>
    <t>[１週間あたりの保育の軽減]</t>
    <rPh sb="2" eb="4">
      <t>シュウカン</t>
    </rPh>
    <rPh sb="8" eb="10">
      <t>ホイク</t>
    </rPh>
    <rPh sb="11" eb="13">
      <t>ケイゲン</t>
    </rPh>
    <phoneticPr fontId="2"/>
  </si>
  <si>
    <t>[１日あたりの保育の軽減]</t>
    <rPh sb="2" eb="3">
      <t>ニチ</t>
    </rPh>
    <rPh sb="7" eb="9">
      <t>ホイク</t>
    </rPh>
    <rPh sb="10" eb="12">
      <t>ケイゲン</t>
    </rPh>
    <phoneticPr fontId="2"/>
  </si>
  <si>
    <t>□ 常時できない状態である</t>
    <rPh sb="2" eb="4">
      <t>ジョウジ</t>
    </rPh>
    <phoneticPr fontId="2"/>
  </si>
  <si>
    <t>□ １日８時間以上の保育の軽減が必要</t>
    <rPh sb="3" eb="4">
      <t>ニチ</t>
    </rPh>
    <rPh sb="5" eb="7">
      <t>ジカン</t>
    </rPh>
    <rPh sb="7" eb="9">
      <t>イジョウ</t>
    </rPh>
    <rPh sb="10" eb="12">
      <t>ホイク</t>
    </rPh>
    <rPh sb="13" eb="15">
      <t>ケイゲン</t>
    </rPh>
    <rPh sb="16" eb="18">
      <t>ヒツヨウ</t>
    </rPh>
    <phoneticPr fontId="2"/>
  </si>
  <si>
    <t>□ 週4～5日の保育の軽減が必要</t>
    <phoneticPr fontId="2"/>
  </si>
  <si>
    <t>□ １日７時間以上８時間未満の保育の軽減が必要</t>
    <rPh sb="5" eb="7">
      <t>ジカン</t>
    </rPh>
    <rPh sb="7" eb="9">
      <t>イジョウ</t>
    </rPh>
    <rPh sb="10" eb="12">
      <t>ジカン</t>
    </rPh>
    <rPh sb="12" eb="14">
      <t>ミマン</t>
    </rPh>
    <phoneticPr fontId="2"/>
  </si>
  <si>
    <t>□ 週3日以下の保育の軽減が必要</t>
    <rPh sb="5" eb="7">
      <t>イカ</t>
    </rPh>
    <phoneticPr fontId="2"/>
  </si>
  <si>
    <t>□ １日５時間以上７時間未満の保育の軽減が必要</t>
    <phoneticPr fontId="2"/>
  </si>
  <si>
    <t>□ １日５時間未満の保育の軽減が必要</t>
    <rPh sb="3" eb="4">
      <t>ニチ</t>
    </rPh>
    <rPh sb="5" eb="7">
      <t>ジカン</t>
    </rPh>
    <rPh sb="7" eb="9">
      <t>ミマン</t>
    </rPh>
    <rPh sb="16" eb="18">
      <t>ヒツヨウ</t>
    </rPh>
    <phoneticPr fontId="2"/>
  </si>
  <si>
    <t>□特に制限はなく、保育の軽減は不要である</t>
    <rPh sb="1" eb="2">
      <t>トク</t>
    </rPh>
    <rPh sb="3" eb="5">
      <t>セイゲン</t>
    </rPh>
    <rPh sb="9" eb="11">
      <t>ホイク</t>
    </rPh>
    <rPh sb="12" eb="14">
      <t>ケイゲン</t>
    </rPh>
    <rPh sb="15" eb="17">
      <t>フヨウ</t>
    </rPh>
    <phoneticPr fontId="2"/>
  </si>
  <si>
    <t>令 和　　　年　　　月　　　　日</t>
    <rPh sb="0" eb="1">
      <t>レイ</t>
    </rPh>
    <rPh sb="2" eb="3">
      <t>ワ</t>
    </rPh>
    <rPh sb="6" eb="7">
      <t>トシ</t>
    </rPh>
    <rPh sb="10" eb="11">
      <t>ツキ</t>
    </rPh>
    <rPh sb="15" eb="16">
      <t>ヒ</t>
    </rPh>
    <phoneticPr fontId="3"/>
  </si>
  <si>
    <t>医療機関名</t>
    <rPh sb="0" eb="2">
      <t>イリョウ</t>
    </rPh>
    <rPh sb="2" eb="4">
      <t>キカン</t>
    </rPh>
    <rPh sb="4" eb="5">
      <t>メイ</t>
    </rPh>
    <phoneticPr fontId="3"/>
  </si>
  <si>
    <t>（診断書作成月日）</t>
    <rPh sb="1" eb="4">
      <t>シンダンショ</t>
    </rPh>
    <rPh sb="4" eb="6">
      <t>サクセイ</t>
    </rPh>
    <rPh sb="6" eb="8">
      <t>ガッピ</t>
    </rPh>
    <phoneticPr fontId="3"/>
  </si>
  <si>
    <t>住　　　　所</t>
    <rPh sb="0" eb="1">
      <t>ジュウ</t>
    </rPh>
    <rPh sb="5" eb="6">
      <t>ショ</t>
    </rPh>
    <phoneticPr fontId="3"/>
  </si>
  <si>
    <t>医　　　　師</t>
    <rPh sb="0" eb="1">
      <t>イ</t>
    </rPh>
    <rPh sb="5" eb="6">
      <t>シ</t>
    </rPh>
    <phoneticPr fontId="3"/>
  </si>
  <si>
    <t>印</t>
    <rPh sb="0" eb="1">
      <t>イ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游ゴシック"/>
      <family val="2"/>
      <charset val="128"/>
      <scheme val="minor"/>
    </font>
    <font>
      <sz val="12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 style="thin">
        <color indexed="64"/>
      </right>
      <top/>
      <bottom/>
      <diagonal/>
    </border>
    <border>
      <left style="thin">
        <color auto="1"/>
      </left>
      <right/>
      <top/>
      <bottom/>
      <diagonal/>
    </border>
    <border>
      <left/>
      <right/>
      <top/>
      <bottom style="hair">
        <color indexed="64"/>
      </bottom>
      <diagonal/>
    </border>
  </borders>
  <cellStyleXfs count="2">
    <xf numFmtId="0" fontId="0" fillId="0" borderId="0">
      <alignment vertical="center"/>
    </xf>
    <xf numFmtId="0" fontId="6" fillId="0" borderId="0"/>
  </cellStyleXfs>
  <cellXfs count="77">
    <xf numFmtId="0" fontId="0" fillId="0" borderId="0" xfId="0">
      <alignment vertical="center"/>
    </xf>
    <xf numFmtId="0" fontId="1" fillId="0" borderId="1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justifyLastLine="1"/>
    </xf>
    <xf numFmtId="0" fontId="4" fillId="0" borderId="3" xfId="0" applyFont="1" applyBorder="1" applyAlignment="1">
      <alignment horizontal="center" vertical="center" justifyLastLine="1"/>
    </xf>
    <xf numFmtId="0" fontId="4" fillId="0" borderId="4" xfId="0" applyFont="1" applyBorder="1" applyAlignment="1">
      <alignment horizontal="center" vertical="center" justifyLastLine="1"/>
    </xf>
    <xf numFmtId="0" fontId="4" fillId="0" borderId="2" xfId="0" applyFont="1" applyBorder="1" applyAlignment="1">
      <alignment horizontal="distributed" vertical="center" justifyLastLine="1"/>
    </xf>
    <xf numFmtId="0" fontId="4" fillId="0" borderId="4" xfId="0" applyFont="1" applyBorder="1" applyAlignment="1">
      <alignment horizontal="distributed" vertical="center" justifyLastLine="1"/>
    </xf>
    <xf numFmtId="0" fontId="1" fillId="0" borderId="0" xfId="0" applyFont="1">
      <alignment vertical="center"/>
    </xf>
    <xf numFmtId="0" fontId="1" fillId="0" borderId="5" xfId="0" applyFont="1" applyBorder="1" applyAlignment="1">
      <alignment horizontal="center" vertical="center" wrapText="1"/>
    </xf>
    <xf numFmtId="0" fontId="1" fillId="0" borderId="6" xfId="0" applyFont="1" applyBorder="1">
      <alignment vertical="center"/>
    </xf>
    <xf numFmtId="0" fontId="1" fillId="0" borderId="7" xfId="0" applyFont="1" applyBorder="1">
      <alignment vertical="center"/>
    </xf>
    <xf numFmtId="0" fontId="1" fillId="0" borderId="8" xfId="0" applyFont="1" applyBorder="1">
      <alignment vertical="center"/>
    </xf>
    <xf numFmtId="0" fontId="4" fillId="0" borderId="6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 wrapText="1"/>
    </xf>
    <xf numFmtId="0" fontId="4" fillId="0" borderId="7" xfId="0" applyFont="1" applyBorder="1" applyAlignment="1">
      <alignment horizontal="left" vertical="center"/>
    </xf>
    <xf numFmtId="0" fontId="4" fillId="0" borderId="8" xfId="0" applyFont="1" applyBorder="1" applyAlignment="1">
      <alignment horizontal="left" vertical="center"/>
    </xf>
    <xf numFmtId="0" fontId="4" fillId="0" borderId="9" xfId="0" applyFont="1" applyBorder="1" applyAlignment="1">
      <alignment horizontal="right" vertical="center"/>
    </xf>
    <xf numFmtId="0" fontId="4" fillId="0" borderId="10" xfId="0" applyFont="1" applyBorder="1" applyAlignment="1">
      <alignment horizontal="right" vertical="center"/>
    </xf>
    <xf numFmtId="0" fontId="4" fillId="0" borderId="11" xfId="0" applyFont="1" applyBorder="1" applyAlignment="1">
      <alignment horizontal="right" vertical="center"/>
    </xf>
    <xf numFmtId="0" fontId="1" fillId="0" borderId="12" xfId="0" applyFont="1" applyBorder="1">
      <alignment vertical="center"/>
    </xf>
    <xf numFmtId="0" fontId="1" fillId="0" borderId="13" xfId="0" applyFont="1" applyBorder="1">
      <alignment vertical="center"/>
    </xf>
    <xf numFmtId="0" fontId="1" fillId="0" borderId="14" xfId="0" applyFont="1" applyBorder="1">
      <alignment vertical="center"/>
    </xf>
    <xf numFmtId="0" fontId="4" fillId="0" borderId="12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 wrapText="1"/>
    </xf>
    <xf numFmtId="0" fontId="4" fillId="0" borderId="13" xfId="0" applyFont="1" applyBorder="1" applyAlignment="1">
      <alignment horizontal="left" vertical="center"/>
    </xf>
    <xf numFmtId="0" fontId="4" fillId="0" borderId="14" xfId="0" applyFont="1" applyBorder="1" applyAlignment="1">
      <alignment horizontal="left" vertical="center"/>
    </xf>
    <xf numFmtId="0" fontId="4" fillId="0" borderId="12" xfId="0" applyFont="1" applyBorder="1" applyAlignment="1">
      <alignment horizontal="right" vertical="center"/>
    </xf>
    <xf numFmtId="0" fontId="4" fillId="0" borderId="13" xfId="0" applyFont="1" applyBorder="1" applyAlignment="1">
      <alignment horizontal="right" vertical="center"/>
    </xf>
    <xf numFmtId="0" fontId="4" fillId="0" borderId="14" xfId="0" applyFont="1" applyBorder="1" applyAlignment="1">
      <alignment horizontal="right" vertical="center"/>
    </xf>
    <xf numFmtId="0" fontId="1" fillId="0" borderId="15" xfId="0" applyFont="1" applyBorder="1" applyAlignment="1">
      <alignment horizontal="center" vertical="center" wrapText="1"/>
    </xf>
    <xf numFmtId="0" fontId="1" fillId="0" borderId="16" xfId="0" applyFont="1" applyBorder="1">
      <alignment vertical="center"/>
    </xf>
    <xf numFmtId="0" fontId="1" fillId="0" borderId="17" xfId="0" applyFont="1" applyBorder="1">
      <alignment vertical="center"/>
    </xf>
    <xf numFmtId="0" fontId="1" fillId="0" borderId="18" xfId="0" applyFont="1" applyBorder="1">
      <alignment vertical="center"/>
    </xf>
    <xf numFmtId="0" fontId="4" fillId="0" borderId="16" xfId="0" applyFont="1" applyBorder="1" applyAlignment="1">
      <alignment horizontal="center" vertical="center"/>
    </xf>
    <xf numFmtId="0" fontId="4" fillId="0" borderId="18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 wrapText="1"/>
    </xf>
    <xf numFmtId="0" fontId="4" fillId="0" borderId="17" xfId="0" applyFont="1" applyBorder="1" applyAlignment="1">
      <alignment horizontal="left" vertical="center"/>
    </xf>
    <xf numFmtId="0" fontId="4" fillId="0" borderId="18" xfId="0" applyFont="1" applyBorder="1" applyAlignment="1">
      <alignment horizontal="left" vertical="center"/>
    </xf>
    <xf numFmtId="0" fontId="4" fillId="0" borderId="19" xfId="0" applyFont="1" applyBorder="1" applyAlignment="1">
      <alignment horizontal="right" vertical="center"/>
    </xf>
    <xf numFmtId="0" fontId="4" fillId="0" borderId="20" xfId="0" applyFont="1" applyBorder="1" applyAlignment="1">
      <alignment horizontal="right" vertical="center"/>
    </xf>
    <xf numFmtId="0" fontId="4" fillId="0" borderId="21" xfId="0" applyFont="1" applyBorder="1" applyAlignment="1">
      <alignment horizontal="right" vertical="center"/>
    </xf>
    <xf numFmtId="0" fontId="1" fillId="0" borderId="0" xfId="0" applyFont="1" applyAlignment="1">
      <alignment horizontal="center" vertical="center"/>
    </xf>
    <xf numFmtId="0" fontId="1" fillId="0" borderId="22" xfId="0" applyFont="1" applyBorder="1">
      <alignment vertical="center"/>
    </xf>
    <xf numFmtId="0" fontId="5" fillId="0" borderId="0" xfId="0" applyFont="1" applyAlignment="1">
      <alignment horizontal="center"/>
    </xf>
    <xf numFmtId="0" fontId="5" fillId="0" borderId="22" xfId="0" applyFont="1" applyBorder="1" applyAlignment="1">
      <alignment horizontal="center"/>
    </xf>
    <xf numFmtId="0" fontId="1" fillId="0" borderId="9" xfId="0" applyFont="1" applyBorder="1">
      <alignment vertical="center"/>
    </xf>
    <xf numFmtId="0" fontId="1" fillId="0" borderId="10" xfId="0" applyFont="1" applyBorder="1">
      <alignment vertical="center"/>
    </xf>
    <xf numFmtId="0" fontId="1" fillId="0" borderId="11" xfId="0" applyFont="1" applyBorder="1">
      <alignment vertical="center"/>
    </xf>
    <xf numFmtId="0" fontId="1" fillId="0" borderId="23" xfId="0" applyFont="1" applyBorder="1">
      <alignment vertical="center"/>
    </xf>
    <xf numFmtId="0" fontId="1" fillId="0" borderId="0" xfId="0" applyFont="1" applyAlignment="1">
      <alignment horizontal="distributed" vertical="center"/>
    </xf>
    <xf numFmtId="0" fontId="1" fillId="0" borderId="24" xfId="0" applyFont="1" applyBorder="1">
      <alignment vertical="center"/>
    </xf>
    <xf numFmtId="0" fontId="1" fillId="0" borderId="20" xfId="0" applyFont="1" applyBorder="1" applyAlignment="1">
      <alignment horizontal="distributed" vertical="center"/>
    </xf>
    <xf numFmtId="0" fontId="1" fillId="0" borderId="0" xfId="0" applyFont="1" applyAlignment="1">
      <alignment horizontal="right" vertical="center"/>
    </xf>
    <xf numFmtId="0" fontId="1" fillId="0" borderId="9" xfId="1" applyFont="1" applyBorder="1" applyAlignment="1">
      <alignment vertical="center"/>
    </xf>
    <xf numFmtId="0" fontId="1" fillId="0" borderId="10" xfId="1" applyFont="1" applyBorder="1" applyAlignment="1">
      <alignment vertical="center"/>
    </xf>
    <xf numFmtId="0" fontId="1" fillId="0" borderId="9" xfId="0" applyFont="1" applyBorder="1">
      <alignment vertical="center"/>
    </xf>
    <xf numFmtId="0" fontId="1" fillId="0" borderId="11" xfId="1" applyFont="1" applyBorder="1" applyAlignment="1">
      <alignment vertical="center"/>
    </xf>
    <xf numFmtId="0" fontId="1" fillId="0" borderId="19" xfId="1" applyFont="1" applyBorder="1" applyAlignment="1">
      <alignment vertical="center"/>
    </xf>
    <xf numFmtId="0" fontId="1" fillId="0" borderId="20" xfId="1" applyFont="1" applyBorder="1" applyAlignment="1">
      <alignment horizontal="center" vertical="center"/>
    </xf>
    <xf numFmtId="0" fontId="1" fillId="0" borderId="21" xfId="1" applyFont="1" applyBorder="1" applyAlignment="1">
      <alignment horizontal="center" vertical="center"/>
    </xf>
    <xf numFmtId="0" fontId="1" fillId="0" borderId="20" xfId="1" applyFont="1" applyBorder="1" applyAlignment="1">
      <alignment vertical="center"/>
    </xf>
    <xf numFmtId="0" fontId="1" fillId="0" borderId="20" xfId="1" applyFont="1" applyBorder="1" applyAlignment="1">
      <alignment horizontal="center" vertical="center"/>
    </xf>
    <xf numFmtId="0" fontId="1" fillId="0" borderId="21" xfId="1" applyFont="1" applyBorder="1" applyAlignment="1">
      <alignment vertical="center"/>
    </xf>
    <xf numFmtId="0" fontId="1" fillId="0" borderId="10" xfId="0" applyFont="1" applyBorder="1">
      <alignment vertical="center"/>
    </xf>
    <xf numFmtId="0" fontId="1" fillId="0" borderId="11" xfId="0" applyFont="1" applyBorder="1">
      <alignment vertical="center"/>
    </xf>
    <xf numFmtId="0" fontId="1" fillId="0" borderId="19" xfId="0" applyFont="1" applyBorder="1">
      <alignment vertical="center"/>
    </xf>
    <xf numFmtId="0" fontId="1" fillId="0" borderId="20" xfId="0" applyFont="1" applyBorder="1">
      <alignment vertical="center"/>
    </xf>
    <xf numFmtId="0" fontId="1" fillId="0" borderId="21" xfId="0" applyFont="1" applyBorder="1">
      <alignment vertical="center"/>
    </xf>
    <xf numFmtId="0" fontId="6" fillId="0" borderId="9" xfId="0" applyFont="1" applyBorder="1">
      <alignment vertical="center"/>
    </xf>
    <xf numFmtId="0" fontId="1" fillId="0" borderId="9" xfId="0" applyFont="1" applyBorder="1" applyAlignment="1">
      <alignment horizontal="left" vertical="center" indent="1"/>
    </xf>
    <xf numFmtId="0" fontId="6" fillId="0" borderId="10" xfId="0" applyFont="1" applyBorder="1">
      <alignment vertical="center"/>
    </xf>
    <xf numFmtId="0" fontId="1" fillId="0" borderId="20" xfId="0" applyFont="1" applyBorder="1" applyAlignment="1">
      <alignment horizontal="left" vertical="center"/>
    </xf>
    <xf numFmtId="0" fontId="1" fillId="0" borderId="10" xfId="0" applyFont="1" applyBorder="1" applyAlignment="1"/>
    <xf numFmtId="0" fontId="1" fillId="0" borderId="0" xfId="0" applyFont="1" applyAlignment="1">
      <alignment horizontal="center"/>
    </xf>
    <xf numFmtId="0" fontId="1" fillId="0" borderId="0" xfId="0" applyFont="1" applyAlignment="1">
      <alignment vertical="top"/>
    </xf>
  </cellXfs>
  <cellStyles count="2">
    <cellStyle name="標準" xfId="0" builtinId="0"/>
    <cellStyle name="標準 2 2" xfId="1" xr:uid="{4A7D26EB-C7AA-4C2F-9F9E-89375BEEBBC8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3700\Desktop\Book2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</sheetNames>
    <sheetDataSet>
      <sheetData sheetId="0">
        <row r="1">
          <cell r="E1" t="str">
            <v>消費税率</v>
          </cell>
          <cell r="F1">
            <v>0.1</v>
          </cell>
        </row>
        <row r="3">
          <cell r="C3" t="str">
            <v>価格</v>
          </cell>
          <cell r="D3" t="str">
            <v>個数</v>
          </cell>
          <cell r="E3" t="str">
            <v>金額</v>
          </cell>
        </row>
        <row r="4">
          <cell r="C4">
            <v>200</v>
          </cell>
          <cell r="D4">
            <v>3</v>
          </cell>
          <cell r="E4">
            <v>600</v>
          </cell>
        </row>
      </sheetData>
      <sheetData sheetId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</sheetNames>
    <sheetDataSet>
      <sheetData sheetId="0">
        <row r="1">
          <cell r="E1" t="str">
            <v>消費税率</v>
          </cell>
          <cell r="F1">
            <v>0.1</v>
          </cell>
        </row>
        <row r="3">
          <cell r="C3" t="str">
            <v>価格</v>
          </cell>
          <cell r="D3" t="str">
            <v>個数</v>
          </cell>
          <cell r="E3" t="str">
            <v>金額</v>
          </cell>
        </row>
        <row r="4">
          <cell r="C4">
            <v>200</v>
          </cell>
          <cell r="D4">
            <v>3</v>
          </cell>
          <cell r="E4">
            <v>600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CC4E07B-706D-4DCD-999D-61ED477513BD}">
  <sheetPr>
    <tabColor rgb="FFFFFF00"/>
    <pageSetUpPr fitToPage="1"/>
  </sheetPr>
  <dimension ref="A1:W40"/>
  <sheetViews>
    <sheetView tabSelected="1" workbookViewId="0">
      <selection activeCell="Y27" sqref="Y27"/>
    </sheetView>
  </sheetViews>
  <sheetFormatPr defaultColWidth="3.75" defaultRowHeight="14.25" x14ac:dyDescent="0.4"/>
  <cols>
    <col min="1" max="7" width="3.625" style="7" customWidth="1"/>
    <col min="8" max="14" width="3.75" style="7"/>
    <col min="15" max="15" width="4.875" style="7" customWidth="1"/>
    <col min="16" max="17" width="3.75" style="7"/>
    <col min="18" max="18" width="4.25" style="7" customWidth="1"/>
    <col min="19" max="19" width="4.75" style="7" customWidth="1"/>
    <col min="20" max="20" width="4.625" style="7" customWidth="1"/>
    <col min="21" max="21" width="3.75" style="7"/>
    <col min="22" max="22" width="7.125" style="7" customWidth="1"/>
    <col min="23" max="23" width="5.25" style="7" customWidth="1"/>
    <col min="24" max="255" width="3.75" style="7"/>
    <col min="256" max="262" width="3.625" style="7" customWidth="1"/>
    <col min="263" max="269" width="3.75" style="7"/>
    <col min="270" max="270" width="4.875" style="7" customWidth="1"/>
    <col min="271" max="272" width="3.75" style="7"/>
    <col min="273" max="273" width="4.25" style="7" customWidth="1"/>
    <col min="274" max="274" width="4.75" style="7" customWidth="1"/>
    <col min="275" max="275" width="4.625" style="7" customWidth="1"/>
    <col min="276" max="276" width="3.75" style="7"/>
    <col min="277" max="277" width="4.625" style="7" customWidth="1"/>
    <col min="278" max="278" width="6.875" style="7" customWidth="1"/>
    <col min="279" max="511" width="3.75" style="7"/>
    <col min="512" max="518" width="3.625" style="7" customWidth="1"/>
    <col min="519" max="525" width="3.75" style="7"/>
    <col min="526" max="526" width="4.875" style="7" customWidth="1"/>
    <col min="527" max="528" width="3.75" style="7"/>
    <col min="529" max="529" width="4.25" style="7" customWidth="1"/>
    <col min="530" max="530" width="4.75" style="7" customWidth="1"/>
    <col min="531" max="531" width="4.625" style="7" customWidth="1"/>
    <col min="532" max="532" width="3.75" style="7"/>
    <col min="533" max="533" width="4.625" style="7" customWidth="1"/>
    <col min="534" max="534" width="6.875" style="7" customWidth="1"/>
    <col min="535" max="767" width="3.75" style="7"/>
    <col min="768" max="774" width="3.625" style="7" customWidth="1"/>
    <col min="775" max="781" width="3.75" style="7"/>
    <col min="782" max="782" width="4.875" style="7" customWidth="1"/>
    <col min="783" max="784" width="3.75" style="7"/>
    <col min="785" max="785" width="4.25" style="7" customWidth="1"/>
    <col min="786" max="786" width="4.75" style="7" customWidth="1"/>
    <col min="787" max="787" width="4.625" style="7" customWidth="1"/>
    <col min="788" max="788" width="3.75" style="7"/>
    <col min="789" max="789" width="4.625" style="7" customWidth="1"/>
    <col min="790" max="790" width="6.875" style="7" customWidth="1"/>
    <col min="791" max="1023" width="3.75" style="7"/>
    <col min="1024" max="1030" width="3.625" style="7" customWidth="1"/>
    <col min="1031" max="1037" width="3.75" style="7"/>
    <col min="1038" max="1038" width="4.875" style="7" customWidth="1"/>
    <col min="1039" max="1040" width="3.75" style="7"/>
    <col min="1041" max="1041" width="4.25" style="7" customWidth="1"/>
    <col min="1042" max="1042" width="4.75" style="7" customWidth="1"/>
    <col min="1043" max="1043" width="4.625" style="7" customWidth="1"/>
    <col min="1044" max="1044" width="3.75" style="7"/>
    <col min="1045" max="1045" width="4.625" style="7" customWidth="1"/>
    <col min="1046" max="1046" width="6.875" style="7" customWidth="1"/>
    <col min="1047" max="1279" width="3.75" style="7"/>
    <col min="1280" max="1286" width="3.625" style="7" customWidth="1"/>
    <col min="1287" max="1293" width="3.75" style="7"/>
    <col min="1294" max="1294" width="4.875" style="7" customWidth="1"/>
    <col min="1295" max="1296" width="3.75" style="7"/>
    <col min="1297" max="1297" width="4.25" style="7" customWidth="1"/>
    <col min="1298" max="1298" width="4.75" style="7" customWidth="1"/>
    <col min="1299" max="1299" width="4.625" style="7" customWidth="1"/>
    <col min="1300" max="1300" width="3.75" style="7"/>
    <col min="1301" max="1301" width="4.625" style="7" customWidth="1"/>
    <col min="1302" max="1302" width="6.875" style="7" customWidth="1"/>
    <col min="1303" max="1535" width="3.75" style="7"/>
    <col min="1536" max="1542" width="3.625" style="7" customWidth="1"/>
    <col min="1543" max="1549" width="3.75" style="7"/>
    <col min="1550" max="1550" width="4.875" style="7" customWidth="1"/>
    <col min="1551" max="1552" width="3.75" style="7"/>
    <col min="1553" max="1553" width="4.25" style="7" customWidth="1"/>
    <col min="1554" max="1554" width="4.75" style="7" customWidth="1"/>
    <col min="1555" max="1555" width="4.625" style="7" customWidth="1"/>
    <col min="1556" max="1556" width="3.75" style="7"/>
    <col min="1557" max="1557" width="4.625" style="7" customWidth="1"/>
    <col min="1558" max="1558" width="6.875" style="7" customWidth="1"/>
    <col min="1559" max="1791" width="3.75" style="7"/>
    <col min="1792" max="1798" width="3.625" style="7" customWidth="1"/>
    <col min="1799" max="1805" width="3.75" style="7"/>
    <col min="1806" max="1806" width="4.875" style="7" customWidth="1"/>
    <col min="1807" max="1808" width="3.75" style="7"/>
    <col min="1809" max="1809" width="4.25" style="7" customWidth="1"/>
    <col min="1810" max="1810" width="4.75" style="7" customWidth="1"/>
    <col min="1811" max="1811" width="4.625" style="7" customWidth="1"/>
    <col min="1812" max="1812" width="3.75" style="7"/>
    <col min="1813" max="1813" width="4.625" style="7" customWidth="1"/>
    <col min="1814" max="1814" width="6.875" style="7" customWidth="1"/>
    <col min="1815" max="2047" width="3.75" style="7"/>
    <col min="2048" max="2054" width="3.625" style="7" customWidth="1"/>
    <col min="2055" max="2061" width="3.75" style="7"/>
    <col min="2062" max="2062" width="4.875" style="7" customWidth="1"/>
    <col min="2063" max="2064" width="3.75" style="7"/>
    <col min="2065" max="2065" width="4.25" style="7" customWidth="1"/>
    <col min="2066" max="2066" width="4.75" style="7" customWidth="1"/>
    <col min="2067" max="2067" width="4.625" style="7" customWidth="1"/>
    <col min="2068" max="2068" width="3.75" style="7"/>
    <col min="2069" max="2069" width="4.625" style="7" customWidth="1"/>
    <col min="2070" max="2070" width="6.875" style="7" customWidth="1"/>
    <col min="2071" max="2303" width="3.75" style="7"/>
    <col min="2304" max="2310" width="3.625" style="7" customWidth="1"/>
    <col min="2311" max="2317" width="3.75" style="7"/>
    <col min="2318" max="2318" width="4.875" style="7" customWidth="1"/>
    <col min="2319" max="2320" width="3.75" style="7"/>
    <col min="2321" max="2321" width="4.25" style="7" customWidth="1"/>
    <col min="2322" max="2322" width="4.75" style="7" customWidth="1"/>
    <col min="2323" max="2323" width="4.625" style="7" customWidth="1"/>
    <col min="2324" max="2324" width="3.75" style="7"/>
    <col min="2325" max="2325" width="4.625" style="7" customWidth="1"/>
    <col min="2326" max="2326" width="6.875" style="7" customWidth="1"/>
    <col min="2327" max="2559" width="3.75" style="7"/>
    <col min="2560" max="2566" width="3.625" style="7" customWidth="1"/>
    <col min="2567" max="2573" width="3.75" style="7"/>
    <col min="2574" max="2574" width="4.875" style="7" customWidth="1"/>
    <col min="2575" max="2576" width="3.75" style="7"/>
    <col min="2577" max="2577" width="4.25" style="7" customWidth="1"/>
    <col min="2578" max="2578" width="4.75" style="7" customWidth="1"/>
    <col min="2579" max="2579" width="4.625" style="7" customWidth="1"/>
    <col min="2580" max="2580" width="3.75" style="7"/>
    <col min="2581" max="2581" width="4.625" style="7" customWidth="1"/>
    <col min="2582" max="2582" width="6.875" style="7" customWidth="1"/>
    <col min="2583" max="2815" width="3.75" style="7"/>
    <col min="2816" max="2822" width="3.625" style="7" customWidth="1"/>
    <col min="2823" max="2829" width="3.75" style="7"/>
    <col min="2830" max="2830" width="4.875" style="7" customWidth="1"/>
    <col min="2831" max="2832" width="3.75" style="7"/>
    <col min="2833" max="2833" width="4.25" style="7" customWidth="1"/>
    <col min="2834" max="2834" width="4.75" style="7" customWidth="1"/>
    <col min="2835" max="2835" width="4.625" style="7" customWidth="1"/>
    <col min="2836" max="2836" width="3.75" style="7"/>
    <col min="2837" max="2837" width="4.625" style="7" customWidth="1"/>
    <col min="2838" max="2838" width="6.875" style="7" customWidth="1"/>
    <col min="2839" max="3071" width="3.75" style="7"/>
    <col min="3072" max="3078" width="3.625" style="7" customWidth="1"/>
    <col min="3079" max="3085" width="3.75" style="7"/>
    <col min="3086" max="3086" width="4.875" style="7" customWidth="1"/>
    <col min="3087" max="3088" width="3.75" style="7"/>
    <col min="3089" max="3089" width="4.25" style="7" customWidth="1"/>
    <col min="3090" max="3090" width="4.75" style="7" customWidth="1"/>
    <col min="3091" max="3091" width="4.625" style="7" customWidth="1"/>
    <col min="3092" max="3092" width="3.75" style="7"/>
    <col min="3093" max="3093" width="4.625" style="7" customWidth="1"/>
    <col min="3094" max="3094" width="6.875" style="7" customWidth="1"/>
    <col min="3095" max="3327" width="3.75" style="7"/>
    <col min="3328" max="3334" width="3.625" style="7" customWidth="1"/>
    <col min="3335" max="3341" width="3.75" style="7"/>
    <col min="3342" max="3342" width="4.875" style="7" customWidth="1"/>
    <col min="3343" max="3344" width="3.75" style="7"/>
    <col min="3345" max="3345" width="4.25" style="7" customWidth="1"/>
    <col min="3346" max="3346" width="4.75" style="7" customWidth="1"/>
    <col min="3347" max="3347" width="4.625" style="7" customWidth="1"/>
    <col min="3348" max="3348" width="3.75" style="7"/>
    <col min="3349" max="3349" width="4.625" style="7" customWidth="1"/>
    <col min="3350" max="3350" width="6.875" style="7" customWidth="1"/>
    <col min="3351" max="3583" width="3.75" style="7"/>
    <col min="3584" max="3590" width="3.625" style="7" customWidth="1"/>
    <col min="3591" max="3597" width="3.75" style="7"/>
    <col min="3598" max="3598" width="4.875" style="7" customWidth="1"/>
    <col min="3599" max="3600" width="3.75" style="7"/>
    <col min="3601" max="3601" width="4.25" style="7" customWidth="1"/>
    <col min="3602" max="3602" width="4.75" style="7" customWidth="1"/>
    <col min="3603" max="3603" width="4.625" style="7" customWidth="1"/>
    <col min="3604" max="3604" width="3.75" style="7"/>
    <col min="3605" max="3605" width="4.625" style="7" customWidth="1"/>
    <col min="3606" max="3606" width="6.875" style="7" customWidth="1"/>
    <col min="3607" max="3839" width="3.75" style="7"/>
    <col min="3840" max="3846" width="3.625" style="7" customWidth="1"/>
    <col min="3847" max="3853" width="3.75" style="7"/>
    <col min="3854" max="3854" width="4.875" style="7" customWidth="1"/>
    <col min="3855" max="3856" width="3.75" style="7"/>
    <col min="3857" max="3857" width="4.25" style="7" customWidth="1"/>
    <col min="3858" max="3858" width="4.75" style="7" customWidth="1"/>
    <col min="3859" max="3859" width="4.625" style="7" customWidth="1"/>
    <col min="3860" max="3860" width="3.75" style="7"/>
    <col min="3861" max="3861" width="4.625" style="7" customWidth="1"/>
    <col min="3862" max="3862" width="6.875" style="7" customWidth="1"/>
    <col min="3863" max="4095" width="3.75" style="7"/>
    <col min="4096" max="4102" width="3.625" style="7" customWidth="1"/>
    <col min="4103" max="4109" width="3.75" style="7"/>
    <col min="4110" max="4110" width="4.875" style="7" customWidth="1"/>
    <col min="4111" max="4112" width="3.75" style="7"/>
    <col min="4113" max="4113" width="4.25" style="7" customWidth="1"/>
    <col min="4114" max="4114" width="4.75" style="7" customWidth="1"/>
    <col min="4115" max="4115" width="4.625" style="7" customWidth="1"/>
    <col min="4116" max="4116" width="3.75" style="7"/>
    <col min="4117" max="4117" width="4.625" style="7" customWidth="1"/>
    <col min="4118" max="4118" width="6.875" style="7" customWidth="1"/>
    <col min="4119" max="4351" width="3.75" style="7"/>
    <col min="4352" max="4358" width="3.625" style="7" customWidth="1"/>
    <col min="4359" max="4365" width="3.75" style="7"/>
    <col min="4366" max="4366" width="4.875" style="7" customWidth="1"/>
    <col min="4367" max="4368" width="3.75" style="7"/>
    <col min="4369" max="4369" width="4.25" style="7" customWidth="1"/>
    <col min="4370" max="4370" width="4.75" style="7" customWidth="1"/>
    <col min="4371" max="4371" width="4.625" style="7" customWidth="1"/>
    <col min="4372" max="4372" width="3.75" style="7"/>
    <col min="4373" max="4373" width="4.625" style="7" customWidth="1"/>
    <col min="4374" max="4374" width="6.875" style="7" customWidth="1"/>
    <col min="4375" max="4607" width="3.75" style="7"/>
    <col min="4608" max="4614" width="3.625" style="7" customWidth="1"/>
    <col min="4615" max="4621" width="3.75" style="7"/>
    <col min="4622" max="4622" width="4.875" style="7" customWidth="1"/>
    <col min="4623" max="4624" width="3.75" style="7"/>
    <col min="4625" max="4625" width="4.25" style="7" customWidth="1"/>
    <col min="4626" max="4626" width="4.75" style="7" customWidth="1"/>
    <col min="4627" max="4627" width="4.625" style="7" customWidth="1"/>
    <col min="4628" max="4628" width="3.75" style="7"/>
    <col min="4629" max="4629" width="4.625" style="7" customWidth="1"/>
    <col min="4630" max="4630" width="6.875" style="7" customWidth="1"/>
    <col min="4631" max="4863" width="3.75" style="7"/>
    <col min="4864" max="4870" width="3.625" style="7" customWidth="1"/>
    <col min="4871" max="4877" width="3.75" style="7"/>
    <col min="4878" max="4878" width="4.875" style="7" customWidth="1"/>
    <col min="4879" max="4880" width="3.75" style="7"/>
    <col min="4881" max="4881" width="4.25" style="7" customWidth="1"/>
    <col min="4882" max="4882" width="4.75" style="7" customWidth="1"/>
    <col min="4883" max="4883" width="4.625" style="7" customWidth="1"/>
    <col min="4884" max="4884" width="3.75" style="7"/>
    <col min="4885" max="4885" width="4.625" style="7" customWidth="1"/>
    <col min="4886" max="4886" width="6.875" style="7" customWidth="1"/>
    <col min="4887" max="5119" width="3.75" style="7"/>
    <col min="5120" max="5126" width="3.625" style="7" customWidth="1"/>
    <col min="5127" max="5133" width="3.75" style="7"/>
    <col min="5134" max="5134" width="4.875" style="7" customWidth="1"/>
    <col min="5135" max="5136" width="3.75" style="7"/>
    <col min="5137" max="5137" width="4.25" style="7" customWidth="1"/>
    <col min="5138" max="5138" width="4.75" style="7" customWidth="1"/>
    <col min="5139" max="5139" width="4.625" style="7" customWidth="1"/>
    <col min="5140" max="5140" width="3.75" style="7"/>
    <col min="5141" max="5141" width="4.625" style="7" customWidth="1"/>
    <col min="5142" max="5142" width="6.875" style="7" customWidth="1"/>
    <col min="5143" max="5375" width="3.75" style="7"/>
    <col min="5376" max="5382" width="3.625" style="7" customWidth="1"/>
    <col min="5383" max="5389" width="3.75" style="7"/>
    <col min="5390" max="5390" width="4.875" style="7" customWidth="1"/>
    <col min="5391" max="5392" width="3.75" style="7"/>
    <col min="5393" max="5393" width="4.25" style="7" customWidth="1"/>
    <col min="5394" max="5394" width="4.75" style="7" customWidth="1"/>
    <col min="5395" max="5395" width="4.625" style="7" customWidth="1"/>
    <col min="5396" max="5396" width="3.75" style="7"/>
    <col min="5397" max="5397" width="4.625" style="7" customWidth="1"/>
    <col min="5398" max="5398" width="6.875" style="7" customWidth="1"/>
    <col min="5399" max="5631" width="3.75" style="7"/>
    <col min="5632" max="5638" width="3.625" style="7" customWidth="1"/>
    <col min="5639" max="5645" width="3.75" style="7"/>
    <col min="5646" max="5646" width="4.875" style="7" customWidth="1"/>
    <col min="5647" max="5648" width="3.75" style="7"/>
    <col min="5649" max="5649" width="4.25" style="7" customWidth="1"/>
    <col min="5650" max="5650" width="4.75" style="7" customWidth="1"/>
    <col min="5651" max="5651" width="4.625" style="7" customWidth="1"/>
    <col min="5652" max="5652" width="3.75" style="7"/>
    <col min="5653" max="5653" width="4.625" style="7" customWidth="1"/>
    <col min="5654" max="5654" width="6.875" style="7" customWidth="1"/>
    <col min="5655" max="5887" width="3.75" style="7"/>
    <col min="5888" max="5894" width="3.625" style="7" customWidth="1"/>
    <col min="5895" max="5901" width="3.75" style="7"/>
    <col min="5902" max="5902" width="4.875" style="7" customWidth="1"/>
    <col min="5903" max="5904" width="3.75" style="7"/>
    <col min="5905" max="5905" width="4.25" style="7" customWidth="1"/>
    <col min="5906" max="5906" width="4.75" style="7" customWidth="1"/>
    <col min="5907" max="5907" width="4.625" style="7" customWidth="1"/>
    <col min="5908" max="5908" width="3.75" style="7"/>
    <col min="5909" max="5909" width="4.625" style="7" customWidth="1"/>
    <col min="5910" max="5910" width="6.875" style="7" customWidth="1"/>
    <col min="5911" max="6143" width="3.75" style="7"/>
    <col min="6144" max="6150" width="3.625" style="7" customWidth="1"/>
    <col min="6151" max="6157" width="3.75" style="7"/>
    <col min="6158" max="6158" width="4.875" style="7" customWidth="1"/>
    <col min="6159" max="6160" width="3.75" style="7"/>
    <col min="6161" max="6161" width="4.25" style="7" customWidth="1"/>
    <col min="6162" max="6162" width="4.75" style="7" customWidth="1"/>
    <col min="6163" max="6163" width="4.625" style="7" customWidth="1"/>
    <col min="6164" max="6164" width="3.75" style="7"/>
    <col min="6165" max="6165" width="4.625" style="7" customWidth="1"/>
    <col min="6166" max="6166" width="6.875" style="7" customWidth="1"/>
    <col min="6167" max="6399" width="3.75" style="7"/>
    <col min="6400" max="6406" width="3.625" style="7" customWidth="1"/>
    <col min="6407" max="6413" width="3.75" style="7"/>
    <col min="6414" max="6414" width="4.875" style="7" customWidth="1"/>
    <col min="6415" max="6416" width="3.75" style="7"/>
    <col min="6417" max="6417" width="4.25" style="7" customWidth="1"/>
    <col min="6418" max="6418" width="4.75" style="7" customWidth="1"/>
    <col min="6419" max="6419" width="4.625" style="7" customWidth="1"/>
    <col min="6420" max="6420" width="3.75" style="7"/>
    <col min="6421" max="6421" width="4.625" style="7" customWidth="1"/>
    <col min="6422" max="6422" width="6.875" style="7" customWidth="1"/>
    <col min="6423" max="6655" width="3.75" style="7"/>
    <col min="6656" max="6662" width="3.625" style="7" customWidth="1"/>
    <col min="6663" max="6669" width="3.75" style="7"/>
    <col min="6670" max="6670" width="4.875" style="7" customWidth="1"/>
    <col min="6671" max="6672" width="3.75" style="7"/>
    <col min="6673" max="6673" width="4.25" style="7" customWidth="1"/>
    <col min="6674" max="6674" width="4.75" style="7" customWidth="1"/>
    <col min="6675" max="6675" width="4.625" style="7" customWidth="1"/>
    <col min="6676" max="6676" width="3.75" style="7"/>
    <col min="6677" max="6677" width="4.625" style="7" customWidth="1"/>
    <col min="6678" max="6678" width="6.875" style="7" customWidth="1"/>
    <col min="6679" max="6911" width="3.75" style="7"/>
    <col min="6912" max="6918" width="3.625" style="7" customWidth="1"/>
    <col min="6919" max="6925" width="3.75" style="7"/>
    <col min="6926" max="6926" width="4.875" style="7" customWidth="1"/>
    <col min="6927" max="6928" width="3.75" style="7"/>
    <col min="6929" max="6929" width="4.25" style="7" customWidth="1"/>
    <col min="6930" max="6930" width="4.75" style="7" customWidth="1"/>
    <col min="6931" max="6931" width="4.625" style="7" customWidth="1"/>
    <col min="6932" max="6932" width="3.75" style="7"/>
    <col min="6933" max="6933" width="4.625" style="7" customWidth="1"/>
    <col min="6934" max="6934" width="6.875" style="7" customWidth="1"/>
    <col min="6935" max="7167" width="3.75" style="7"/>
    <col min="7168" max="7174" width="3.625" style="7" customWidth="1"/>
    <col min="7175" max="7181" width="3.75" style="7"/>
    <col min="7182" max="7182" width="4.875" style="7" customWidth="1"/>
    <col min="7183" max="7184" width="3.75" style="7"/>
    <col min="7185" max="7185" width="4.25" style="7" customWidth="1"/>
    <col min="7186" max="7186" width="4.75" style="7" customWidth="1"/>
    <col min="7187" max="7187" width="4.625" style="7" customWidth="1"/>
    <col min="7188" max="7188" width="3.75" style="7"/>
    <col min="7189" max="7189" width="4.625" style="7" customWidth="1"/>
    <col min="7190" max="7190" width="6.875" style="7" customWidth="1"/>
    <col min="7191" max="7423" width="3.75" style="7"/>
    <col min="7424" max="7430" width="3.625" style="7" customWidth="1"/>
    <col min="7431" max="7437" width="3.75" style="7"/>
    <col min="7438" max="7438" width="4.875" style="7" customWidth="1"/>
    <col min="7439" max="7440" width="3.75" style="7"/>
    <col min="7441" max="7441" width="4.25" style="7" customWidth="1"/>
    <col min="7442" max="7442" width="4.75" style="7" customWidth="1"/>
    <col min="7443" max="7443" width="4.625" style="7" customWidth="1"/>
    <col min="7444" max="7444" width="3.75" style="7"/>
    <col min="7445" max="7445" width="4.625" style="7" customWidth="1"/>
    <col min="7446" max="7446" width="6.875" style="7" customWidth="1"/>
    <col min="7447" max="7679" width="3.75" style="7"/>
    <col min="7680" max="7686" width="3.625" style="7" customWidth="1"/>
    <col min="7687" max="7693" width="3.75" style="7"/>
    <col min="7694" max="7694" width="4.875" style="7" customWidth="1"/>
    <col min="7695" max="7696" width="3.75" style="7"/>
    <col min="7697" max="7697" width="4.25" style="7" customWidth="1"/>
    <col min="7698" max="7698" width="4.75" style="7" customWidth="1"/>
    <col min="7699" max="7699" width="4.625" style="7" customWidth="1"/>
    <col min="7700" max="7700" width="3.75" style="7"/>
    <col min="7701" max="7701" width="4.625" style="7" customWidth="1"/>
    <col min="7702" max="7702" width="6.875" style="7" customWidth="1"/>
    <col min="7703" max="7935" width="3.75" style="7"/>
    <col min="7936" max="7942" width="3.625" style="7" customWidth="1"/>
    <col min="7943" max="7949" width="3.75" style="7"/>
    <col min="7950" max="7950" width="4.875" style="7" customWidth="1"/>
    <col min="7951" max="7952" width="3.75" style="7"/>
    <col min="7953" max="7953" width="4.25" style="7" customWidth="1"/>
    <col min="7954" max="7954" width="4.75" style="7" customWidth="1"/>
    <col min="7955" max="7955" width="4.625" style="7" customWidth="1"/>
    <col min="7956" max="7956" width="3.75" style="7"/>
    <col min="7957" max="7957" width="4.625" style="7" customWidth="1"/>
    <col min="7958" max="7958" width="6.875" style="7" customWidth="1"/>
    <col min="7959" max="8191" width="3.75" style="7"/>
    <col min="8192" max="8198" width="3.625" style="7" customWidth="1"/>
    <col min="8199" max="8205" width="3.75" style="7"/>
    <col min="8206" max="8206" width="4.875" style="7" customWidth="1"/>
    <col min="8207" max="8208" width="3.75" style="7"/>
    <col min="8209" max="8209" width="4.25" style="7" customWidth="1"/>
    <col min="8210" max="8210" width="4.75" style="7" customWidth="1"/>
    <col min="8211" max="8211" width="4.625" style="7" customWidth="1"/>
    <col min="8212" max="8212" width="3.75" style="7"/>
    <col min="8213" max="8213" width="4.625" style="7" customWidth="1"/>
    <col min="8214" max="8214" width="6.875" style="7" customWidth="1"/>
    <col min="8215" max="8447" width="3.75" style="7"/>
    <col min="8448" max="8454" width="3.625" style="7" customWidth="1"/>
    <col min="8455" max="8461" width="3.75" style="7"/>
    <col min="8462" max="8462" width="4.875" style="7" customWidth="1"/>
    <col min="8463" max="8464" width="3.75" style="7"/>
    <col min="8465" max="8465" width="4.25" style="7" customWidth="1"/>
    <col min="8466" max="8466" width="4.75" style="7" customWidth="1"/>
    <col min="8467" max="8467" width="4.625" style="7" customWidth="1"/>
    <col min="8468" max="8468" width="3.75" style="7"/>
    <col min="8469" max="8469" width="4.625" style="7" customWidth="1"/>
    <col min="8470" max="8470" width="6.875" style="7" customWidth="1"/>
    <col min="8471" max="8703" width="3.75" style="7"/>
    <col min="8704" max="8710" width="3.625" style="7" customWidth="1"/>
    <col min="8711" max="8717" width="3.75" style="7"/>
    <col min="8718" max="8718" width="4.875" style="7" customWidth="1"/>
    <col min="8719" max="8720" width="3.75" style="7"/>
    <col min="8721" max="8721" width="4.25" style="7" customWidth="1"/>
    <col min="8722" max="8722" width="4.75" style="7" customWidth="1"/>
    <col min="8723" max="8723" width="4.625" style="7" customWidth="1"/>
    <col min="8724" max="8724" width="3.75" style="7"/>
    <col min="8725" max="8725" width="4.625" style="7" customWidth="1"/>
    <col min="8726" max="8726" width="6.875" style="7" customWidth="1"/>
    <col min="8727" max="8959" width="3.75" style="7"/>
    <col min="8960" max="8966" width="3.625" style="7" customWidth="1"/>
    <col min="8967" max="8973" width="3.75" style="7"/>
    <col min="8974" max="8974" width="4.875" style="7" customWidth="1"/>
    <col min="8975" max="8976" width="3.75" style="7"/>
    <col min="8977" max="8977" width="4.25" style="7" customWidth="1"/>
    <col min="8978" max="8978" width="4.75" style="7" customWidth="1"/>
    <col min="8979" max="8979" width="4.625" style="7" customWidth="1"/>
    <col min="8980" max="8980" width="3.75" style="7"/>
    <col min="8981" max="8981" width="4.625" style="7" customWidth="1"/>
    <col min="8982" max="8982" width="6.875" style="7" customWidth="1"/>
    <col min="8983" max="9215" width="3.75" style="7"/>
    <col min="9216" max="9222" width="3.625" style="7" customWidth="1"/>
    <col min="9223" max="9229" width="3.75" style="7"/>
    <col min="9230" max="9230" width="4.875" style="7" customWidth="1"/>
    <col min="9231" max="9232" width="3.75" style="7"/>
    <col min="9233" max="9233" width="4.25" style="7" customWidth="1"/>
    <col min="9234" max="9234" width="4.75" style="7" customWidth="1"/>
    <col min="9235" max="9235" width="4.625" style="7" customWidth="1"/>
    <col min="9236" max="9236" width="3.75" style="7"/>
    <col min="9237" max="9237" width="4.625" style="7" customWidth="1"/>
    <col min="9238" max="9238" width="6.875" style="7" customWidth="1"/>
    <col min="9239" max="9471" width="3.75" style="7"/>
    <col min="9472" max="9478" width="3.625" style="7" customWidth="1"/>
    <col min="9479" max="9485" width="3.75" style="7"/>
    <col min="9486" max="9486" width="4.875" style="7" customWidth="1"/>
    <col min="9487" max="9488" width="3.75" style="7"/>
    <col min="9489" max="9489" width="4.25" style="7" customWidth="1"/>
    <col min="9490" max="9490" width="4.75" style="7" customWidth="1"/>
    <col min="9491" max="9491" width="4.625" style="7" customWidth="1"/>
    <col min="9492" max="9492" width="3.75" style="7"/>
    <col min="9493" max="9493" width="4.625" style="7" customWidth="1"/>
    <col min="9494" max="9494" width="6.875" style="7" customWidth="1"/>
    <col min="9495" max="9727" width="3.75" style="7"/>
    <col min="9728" max="9734" width="3.625" style="7" customWidth="1"/>
    <col min="9735" max="9741" width="3.75" style="7"/>
    <col min="9742" max="9742" width="4.875" style="7" customWidth="1"/>
    <col min="9743" max="9744" width="3.75" style="7"/>
    <col min="9745" max="9745" width="4.25" style="7" customWidth="1"/>
    <col min="9746" max="9746" width="4.75" style="7" customWidth="1"/>
    <col min="9747" max="9747" width="4.625" style="7" customWidth="1"/>
    <col min="9748" max="9748" width="3.75" style="7"/>
    <col min="9749" max="9749" width="4.625" style="7" customWidth="1"/>
    <col min="9750" max="9750" width="6.875" style="7" customWidth="1"/>
    <col min="9751" max="9983" width="3.75" style="7"/>
    <col min="9984" max="9990" width="3.625" style="7" customWidth="1"/>
    <col min="9991" max="9997" width="3.75" style="7"/>
    <col min="9998" max="9998" width="4.875" style="7" customWidth="1"/>
    <col min="9999" max="10000" width="3.75" style="7"/>
    <col min="10001" max="10001" width="4.25" style="7" customWidth="1"/>
    <col min="10002" max="10002" width="4.75" style="7" customWidth="1"/>
    <col min="10003" max="10003" width="4.625" style="7" customWidth="1"/>
    <col min="10004" max="10004" width="3.75" style="7"/>
    <col min="10005" max="10005" width="4.625" style="7" customWidth="1"/>
    <col min="10006" max="10006" width="6.875" style="7" customWidth="1"/>
    <col min="10007" max="10239" width="3.75" style="7"/>
    <col min="10240" max="10246" width="3.625" style="7" customWidth="1"/>
    <col min="10247" max="10253" width="3.75" style="7"/>
    <col min="10254" max="10254" width="4.875" style="7" customWidth="1"/>
    <col min="10255" max="10256" width="3.75" style="7"/>
    <col min="10257" max="10257" width="4.25" style="7" customWidth="1"/>
    <col min="10258" max="10258" width="4.75" style="7" customWidth="1"/>
    <col min="10259" max="10259" width="4.625" style="7" customWidth="1"/>
    <col min="10260" max="10260" width="3.75" style="7"/>
    <col min="10261" max="10261" width="4.625" style="7" customWidth="1"/>
    <col min="10262" max="10262" width="6.875" style="7" customWidth="1"/>
    <col min="10263" max="10495" width="3.75" style="7"/>
    <col min="10496" max="10502" width="3.625" style="7" customWidth="1"/>
    <col min="10503" max="10509" width="3.75" style="7"/>
    <col min="10510" max="10510" width="4.875" style="7" customWidth="1"/>
    <col min="10511" max="10512" width="3.75" style="7"/>
    <col min="10513" max="10513" width="4.25" style="7" customWidth="1"/>
    <col min="10514" max="10514" width="4.75" style="7" customWidth="1"/>
    <col min="10515" max="10515" width="4.625" style="7" customWidth="1"/>
    <col min="10516" max="10516" width="3.75" style="7"/>
    <col min="10517" max="10517" width="4.625" style="7" customWidth="1"/>
    <col min="10518" max="10518" width="6.875" style="7" customWidth="1"/>
    <col min="10519" max="10751" width="3.75" style="7"/>
    <col min="10752" max="10758" width="3.625" style="7" customWidth="1"/>
    <col min="10759" max="10765" width="3.75" style="7"/>
    <col min="10766" max="10766" width="4.875" style="7" customWidth="1"/>
    <col min="10767" max="10768" width="3.75" style="7"/>
    <col min="10769" max="10769" width="4.25" style="7" customWidth="1"/>
    <col min="10770" max="10770" width="4.75" style="7" customWidth="1"/>
    <col min="10771" max="10771" width="4.625" style="7" customWidth="1"/>
    <col min="10772" max="10772" width="3.75" style="7"/>
    <col min="10773" max="10773" width="4.625" style="7" customWidth="1"/>
    <col min="10774" max="10774" width="6.875" style="7" customWidth="1"/>
    <col min="10775" max="11007" width="3.75" style="7"/>
    <col min="11008" max="11014" width="3.625" style="7" customWidth="1"/>
    <col min="11015" max="11021" width="3.75" style="7"/>
    <col min="11022" max="11022" width="4.875" style="7" customWidth="1"/>
    <col min="11023" max="11024" width="3.75" style="7"/>
    <col min="11025" max="11025" width="4.25" style="7" customWidth="1"/>
    <col min="11026" max="11026" width="4.75" style="7" customWidth="1"/>
    <col min="11027" max="11027" width="4.625" style="7" customWidth="1"/>
    <col min="11028" max="11028" width="3.75" style="7"/>
    <col min="11029" max="11029" width="4.625" style="7" customWidth="1"/>
    <col min="11030" max="11030" width="6.875" style="7" customWidth="1"/>
    <col min="11031" max="11263" width="3.75" style="7"/>
    <col min="11264" max="11270" width="3.625" style="7" customWidth="1"/>
    <col min="11271" max="11277" width="3.75" style="7"/>
    <col min="11278" max="11278" width="4.875" style="7" customWidth="1"/>
    <col min="11279" max="11280" width="3.75" style="7"/>
    <col min="11281" max="11281" width="4.25" style="7" customWidth="1"/>
    <col min="11282" max="11282" width="4.75" style="7" customWidth="1"/>
    <col min="11283" max="11283" width="4.625" style="7" customWidth="1"/>
    <col min="11284" max="11284" width="3.75" style="7"/>
    <col min="11285" max="11285" width="4.625" style="7" customWidth="1"/>
    <col min="11286" max="11286" width="6.875" style="7" customWidth="1"/>
    <col min="11287" max="11519" width="3.75" style="7"/>
    <col min="11520" max="11526" width="3.625" style="7" customWidth="1"/>
    <col min="11527" max="11533" width="3.75" style="7"/>
    <col min="11534" max="11534" width="4.875" style="7" customWidth="1"/>
    <col min="11535" max="11536" width="3.75" style="7"/>
    <col min="11537" max="11537" width="4.25" style="7" customWidth="1"/>
    <col min="11538" max="11538" width="4.75" style="7" customWidth="1"/>
    <col min="11539" max="11539" width="4.625" style="7" customWidth="1"/>
    <col min="11540" max="11540" width="3.75" style="7"/>
    <col min="11541" max="11541" width="4.625" style="7" customWidth="1"/>
    <col min="11542" max="11542" width="6.875" style="7" customWidth="1"/>
    <col min="11543" max="11775" width="3.75" style="7"/>
    <col min="11776" max="11782" width="3.625" style="7" customWidth="1"/>
    <col min="11783" max="11789" width="3.75" style="7"/>
    <col min="11790" max="11790" width="4.875" style="7" customWidth="1"/>
    <col min="11791" max="11792" width="3.75" style="7"/>
    <col min="11793" max="11793" width="4.25" style="7" customWidth="1"/>
    <col min="11794" max="11794" width="4.75" style="7" customWidth="1"/>
    <col min="11795" max="11795" width="4.625" style="7" customWidth="1"/>
    <col min="11796" max="11796" width="3.75" style="7"/>
    <col min="11797" max="11797" width="4.625" style="7" customWidth="1"/>
    <col min="11798" max="11798" width="6.875" style="7" customWidth="1"/>
    <col min="11799" max="12031" width="3.75" style="7"/>
    <col min="12032" max="12038" width="3.625" style="7" customWidth="1"/>
    <col min="12039" max="12045" width="3.75" style="7"/>
    <col min="12046" max="12046" width="4.875" style="7" customWidth="1"/>
    <col min="12047" max="12048" width="3.75" style="7"/>
    <col min="12049" max="12049" width="4.25" style="7" customWidth="1"/>
    <col min="12050" max="12050" width="4.75" style="7" customWidth="1"/>
    <col min="12051" max="12051" width="4.625" style="7" customWidth="1"/>
    <col min="12052" max="12052" width="3.75" style="7"/>
    <col min="12053" max="12053" width="4.625" style="7" customWidth="1"/>
    <col min="12054" max="12054" width="6.875" style="7" customWidth="1"/>
    <col min="12055" max="12287" width="3.75" style="7"/>
    <col min="12288" max="12294" width="3.625" style="7" customWidth="1"/>
    <col min="12295" max="12301" width="3.75" style="7"/>
    <col min="12302" max="12302" width="4.875" style="7" customWidth="1"/>
    <col min="12303" max="12304" width="3.75" style="7"/>
    <col min="12305" max="12305" width="4.25" style="7" customWidth="1"/>
    <col min="12306" max="12306" width="4.75" style="7" customWidth="1"/>
    <col min="12307" max="12307" width="4.625" style="7" customWidth="1"/>
    <col min="12308" max="12308" width="3.75" style="7"/>
    <col min="12309" max="12309" width="4.625" style="7" customWidth="1"/>
    <col min="12310" max="12310" width="6.875" style="7" customWidth="1"/>
    <col min="12311" max="12543" width="3.75" style="7"/>
    <col min="12544" max="12550" width="3.625" style="7" customWidth="1"/>
    <col min="12551" max="12557" width="3.75" style="7"/>
    <col min="12558" max="12558" width="4.875" style="7" customWidth="1"/>
    <col min="12559" max="12560" width="3.75" style="7"/>
    <col min="12561" max="12561" width="4.25" style="7" customWidth="1"/>
    <col min="12562" max="12562" width="4.75" style="7" customWidth="1"/>
    <col min="12563" max="12563" width="4.625" style="7" customWidth="1"/>
    <col min="12564" max="12564" width="3.75" style="7"/>
    <col min="12565" max="12565" width="4.625" style="7" customWidth="1"/>
    <col min="12566" max="12566" width="6.875" style="7" customWidth="1"/>
    <col min="12567" max="12799" width="3.75" style="7"/>
    <col min="12800" max="12806" width="3.625" style="7" customWidth="1"/>
    <col min="12807" max="12813" width="3.75" style="7"/>
    <col min="12814" max="12814" width="4.875" style="7" customWidth="1"/>
    <col min="12815" max="12816" width="3.75" style="7"/>
    <col min="12817" max="12817" width="4.25" style="7" customWidth="1"/>
    <col min="12818" max="12818" width="4.75" style="7" customWidth="1"/>
    <col min="12819" max="12819" width="4.625" style="7" customWidth="1"/>
    <col min="12820" max="12820" width="3.75" style="7"/>
    <col min="12821" max="12821" width="4.625" style="7" customWidth="1"/>
    <col min="12822" max="12822" width="6.875" style="7" customWidth="1"/>
    <col min="12823" max="13055" width="3.75" style="7"/>
    <col min="13056" max="13062" width="3.625" style="7" customWidth="1"/>
    <col min="13063" max="13069" width="3.75" style="7"/>
    <col min="13070" max="13070" width="4.875" style="7" customWidth="1"/>
    <col min="13071" max="13072" width="3.75" style="7"/>
    <col min="13073" max="13073" width="4.25" style="7" customWidth="1"/>
    <col min="13074" max="13074" width="4.75" style="7" customWidth="1"/>
    <col min="13075" max="13075" width="4.625" style="7" customWidth="1"/>
    <col min="13076" max="13076" width="3.75" style="7"/>
    <col min="13077" max="13077" width="4.625" style="7" customWidth="1"/>
    <col min="13078" max="13078" width="6.875" style="7" customWidth="1"/>
    <col min="13079" max="13311" width="3.75" style="7"/>
    <col min="13312" max="13318" width="3.625" style="7" customWidth="1"/>
    <col min="13319" max="13325" width="3.75" style="7"/>
    <col min="13326" max="13326" width="4.875" style="7" customWidth="1"/>
    <col min="13327" max="13328" width="3.75" style="7"/>
    <col min="13329" max="13329" width="4.25" style="7" customWidth="1"/>
    <col min="13330" max="13330" width="4.75" style="7" customWidth="1"/>
    <col min="13331" max="13331" width="4.625" style="7" customWidth="1"/>
    <col min="13332" max="13332" width="3.75" style="7"/>
    <col min="13333" max="13333" width="4.625" style="7" customWidth="1"/>
    <col min="13334" max="13334" width="6.875" style="7" customWidth="1"/>
    <col min="13335" max="13567" width="3.75" style="7"/>
    <col min="13568" max="13574" width="3.625" style="7" customWidth="1"/>
    <col min="13575" max="13581" width="3.75" style="7"/>
    <col min="13582" max="13582" width="4.875" style="7" customWidth="1"/>
    <col min="13583" max="13584" width="3.75" style="7"/>
    <col min="13585" max="13585" width="4.25" style="7" customWidth="1"/>
    <col min="13586" max="13586" width="4.75" style="7" customWidth="1"/>
    <col min="13587" max="13587" width="4.625" style="7" customWidth="1"/>
    <col min="13588" max="13588" width="3.75" style="7"/>
    <col min="13589" max="13589" width="4.625" style="7" customWidth="1"/>
    <col min="13590" max="13590" width="6.875" style="7" customWidth="1"/>
    <col min="13591" max="13823" width="3.75" style="7"/>
    <col min="13824" max="13830" width="3.625" style="7" customWidth="1"/>
    <col min="13831" max="13837" width="3.75" style="7"/>
    <col min="13838" max="13838" width="4.875" style="7" customWidth="1"/>
    <col min="13839" max="13840" width="3.75" style="7"/>
    <col min="13841" max="13841" width="4.25" style="7" customWidth="1"/>
    <col min="13842" max="13842" width="4.75" style="7" customWidth="1"/>
    <col min="13843" max="13843" width="4.625" style="7" customWidth="1"/>
    <col min="13844" max="13844" width="3.75" style="7"/>
    <col min="13845" max="13845" width="4.625" style="7" customWidth="1"/>
    <col min="13846" max="13846" width="6.875" style="7" customWidth="1"/>
    <col min="13847" max="14079" width="3.75" style="7"/>
    <col min="14080" max="14086" width="3.625" style="7" customWidth="1"/>
    <col min="14087" max="14093" width="3.75" style="7"/>
    <col min="14094" max="14094" width="4.875" style="7" customWidth="1"/>
    <col min="14095" max="14096" width="3.75" style="7"/>
    <col min="14097" max="14097" width="4.25" style="7" customWidth="1"/>
    <col min="14098" max="14098" width="4.75" style="7" customWidth="1"/>
    <col min="14099" max="14099" width="4.625" style="7" customWidth="1"/>
    <col min="14100" max="14100" width="3.75" style="7"/>
    <col min="14101" max="14101" width="4.625" style="7" customWidth="1"/>
    <col min="14102" max="14102" width="6.875" style="7" customWidth="1"/>
    <col min="14103" max="14335" width="3.75" style="7"/>
    <col min="14336" max="14342" width="3.625" style="7" customWidth="1"/>
    <col min="14343" max="14349" width="3.75" style="7"/>
    <col min="14350" max="14350" width="4.875" style="7" customWidth="1"/>
    <col min="14351" max="14352" width="3.75" style="7"/>
    <col min="14353" max="14353" width="4.25" style="7" customWidth="1"/>
    <col min="14354" max="14354" width="4.75" style="7" customWidth="1"/>
    <col min="14355" max="14355" width="4.625" style="7" customWidth="1"/>
    <col min="14356" max="14356" width="3.75" style="7"/>
    <col min="14357" max="14357" width="4.625" style="7" customWidth="1"/>
    <col min="14358" max="14358" width="6.875" style="7" customWidth="1"/>
    <col min="14359" max="14591" width="3.75" style="7"/>
    <col min="14592" max="14598" width="3.625" style="7" customWidth="1"/>
    <col min="14599" max="14605" width="3.75" style="7"/>
    <col min="14606" max="14606" width="4.875" style="7" customWidth="1"/>
    <col min="14607" max="14608" width="3.75" style="7"/>
    <col min="14609" max="14609" width="4.25" style="7" customWidth="1"/>
    <col min="14610" max="14610" width="4.75" style="7" customWidth="1"/>
    <col min="14611" max="14611" width="4.625" style="7" customWidth="1"/>
    <col min="14612" max="14612" width="3.75" style="7"/>
    <col min="14613" max="14613" width="4.625" style="7" customWidth="1"/>
    <col min="14614" max="14614" width="6.875" style="7" customWidth="1"/>
    <col min="14615" max="14847" width="3.75" style="7"/>
    <col min="14848" max="14854" width="3.625" style="7" customWidth="1"/>
    <col min="14855" max="14861" width="3.75" style="7"/>
    <col min="14862" max="14862" width="4.875" style="7" customWidth="1"/>
    <col min="14863" max="14864" width="3.75" style="7"/>
    <col min="14865" max="14865" width="4.25" style="7" customWidth="1"/>
    <col min="14866" max="14866" width="4.75" style="7" customWidth="1"/>
    <col min="14867" max="14867" width="4.625" style="7" customWidth="1"/>
    <col min="14868" max="14868" width="3.75" style="7"/>
    <col min="14869" max="14869" width="4.625" style="7" customWidth="1"/>
    <col min="14870" max="14870" width="6.875" style="7" customWidth="1"/>
    <col min="14871" max="15103" width="3.75" style="7"/>
    <col min="15104" max="15110" width="3.625" style="7" customWidth="1"/>
    <col min="15111" max="15117" width="3.75" style="7"/>
    <col min="15118" max="15118" width="4.875" style="7" customWidth="1"/>
    <col min="15119" max="15120" width="3.75" style="7"/>
    <col min="15121" max="15121" width="4.25" style="7" customWidth="1"/>
    <col min="15122" max="15122" width="4.75" style="7" customWidth="1"/>
    <col min="15123" max="15123" width="4.625" style="7" customWidth="1"/>
    <col min="15124" max="15124" width="3.75" style="7"/>
    <col min="15125" max="15125" width="4.625" style="7" customWidth="1"/>
    <col min="15126" max="15126" width="6.875" style="7" customWidth="1"/>
    <col min="15127" max="15359" width="3.75" style="7"/>
    <col min="15360" max="15366" width="3.625" style="7" customWidth="1"/>
    <col min="15367" max="15373" width="3.75" style="7"/>
    <col min="15374" max="15374" width="4.875" style="7" customWidth="1"/>
    <col min="15375" max="15376" width="3.75" style="7"/>
    <col min="15377" max="15377" width="4.25" style="7" customWidth="1"/>
    <col min="15378" max="15378" width="4.75" style="7" customWidth="1"/>
    <col min="15379" max="15379" width="4.625" style="7" customWidth="1"/>
    <col min="15380" max="15380" width="3.75" style="7"/>
    <col min="15381" max="15381" width="4.625" style="7" customWidth="1"/>
    <col min="15382" max="15382" width="6.875" style="7" customWidth="1"/>
    <col min="15383" max="15615" width="3.75" style="7"/>
    <col min="15616" max="15622" width="3.625" style="7" customWidth="1"/>
    <col min="15623" max="15629" width="3.75" style="7"/>
    <col min="15630" max="15630" width="4.875" style="7" customWidth="1"/>
    <col min="15631" max="15632" width="3.75" style="7"/>
    <col min="15633" max="15633" width="4.25" style="7" customWidth="1"/>
    <col min="15634" max="15634" width="4.75" style="7" customWidth="1"/>
    <col min="15635" max="15635" width="4.625" style="7" customWidth="1"/>
    <col min="15636" max="15636" width="3.75" style="7"/>
    <col min="15637" max="15637" width="4.625" style="7" customWidth="1"/>
    <col min="15638" max="15638" width="6.875" style="7" customWidth="1"/>
    <col min="15639" max="15871" width="3.75" style="7"/>
    <col min="15872" max="15878" width="3.625" style="7" customWidth="1"/>
    <col min="15879" max="15885" width="3.75" style="7"/>
    <col min="15886" max="15886" width="4.875" style="7" customWidth="1"/>
    <col min="15887" max="15888" width="3.75" style="7"/>
    <col min="15889" max="15889" width="4.25" style="7" customWidth="1"/>
    <col min="15890" max="15890" width="4.75" style="7" customWidth="1"/>
    <col min="15891" max="15891" width="4.625" style="7" customWidth="1"/>
    <col min="15892" max="15892" width="3.75" style="7"/>
    <col min="15893" max="15893" width="4.625" style="7" customWidth="1"/>
    <col min="15894" max="15894" width="6.875" style="7" customWidth="1"/>
    <col min="15895" max="16127" width="3.75" style="7"/>
    <col min="16128" max="16134" width="3.625" style="7" customWidth="1"/>
    <col min="16135" max="16141" width="3.75" style="7"/>
    <col min="16142" max="16142" width="4.875" style="7" customWidth="1"/>
    <col min="16143" max="16144" width="3.75" style="7"/>
    <col min="16145" max="16145" width="4.25" style="7" customWidth="1"/>
    <col min="16146" max="16146" width="4.75" style="7" customWidth="1"/>
    <col min="16147" max="16147" width="4.625" style="7" customWidth="1"/>
    <col min="16148" max="16148" width="3.75" style="7"/>
    <col min="16149" max="16149" width="4.625" style="7" customWidth="1"/>
    <col min="16150" max="16150" width="6.875" style="7" customWidth="1"/>
    <col min="16151" max="16384" width="3.75" style="7"/>
  </cols>
  <sheetData>
    <row r="1" spans="1:23" ht="14.25" customHeight="1" x14ac:dyDescent="0.4">
      <c r="A1" s="1" t="s">
        <v>0</v>
      </c>
      <c r="B1" s="2" t="s">
        <v>1</v>
      </c>
      <c r="C1" s="3"/>
      <c r="D1" s="3"/>
      <c r="E1" s="3"/>
      <c r="F1" s="3"/>
      <c r="G1" s="4"/>
      <c r="H1" s="5" t="s">
        <v>2</v>
      </c>
      <c r="I1" s="6"/>
      <c r="J1" s="2" t="s">
        <v>3</v>
      </c>
      <c r="K1" s="3"/>
      <c r="L1" s="3"/>
      <c r="M1" s="3"/>
      <c r="N1" s="3"/>
      <c r="O1" s="4"/>
      <c r="P1" s="2" t="s">
        <v>4</v>
      </c>
      <c r="Q1" s="3"/>
      <c r="R1" s="3"/>
      <c r="S1" s="3"/>
      <c r="T1" s="3"/>
      <c r="U1" s="3"/>
      <c r="V1" s="3"/>
      <c r="W1" s="4"/>
    </row>
    <row r="2" spans="1:23" ht="30" customHeight="1" x14ac:dyDescent="0.4">
      <c r="A2" s="8"/>
      <c r="B2" s="9"/>
      <c r="C2" s="10"/>
      <c r="D2" s="10"/>
      <c r="E2" s="10"/>
      <c r="F2" s="10"/>
      <c r="G2" s="11"/>
      <c r="H2" s="12" t="s">
        <v>5</v>
      </c>
      <c r="I2" s="13"/>
      <c r="J2" s="14" t="s">
        <v>6</v>
      </c>
      <c r="K2" s="15" t="s">
        <v>7</v>
      </c>
      <c r="L2" s="15"/>
      <c r="M2" s="15"/>
      <c r="N2" s="15"/>
      <c r="O2" s="16"/>
      <c r="P2" s="17" t="s">
        <v>8</v>
      </c>
      <c r="Q2" s="18"/>
      <c r="R2" s="18"/>
      <c r="S2" s="18"/>
      <c r="T2" s="18"/>
      <c r="U2" s="18"/>
      <c r="V2" s="18"/>
      <c r="W2" s="19"/>
    </row>
    <row r="3" spans="1:23" ht="30" customHeight="1" x14ac:dyDescent="0.4">
      <c r="A3" s="8"/>
      <c r="B3" s="20"/>
      <c r="C3" s="21"/>
      <c r="D3" s="21"/>
      <c r="E3" s="21"/>
      <c r="F3" s="21"/>
      <c r="G3" s="22"/>
      <c r="H3" s="23" t="s">
        <v>5</v>
      </c>
      <c r="I3" s="24"/>
      <c r="J3" s="25" t="s">
        <v>6</v>
      </c>
      <c r="K3" s="26" t="s">
        <v>7</v>
      </c>
      <c r="L3" s="26"/>
      <c r="M3" s="26"/>
      <c r="N3" s="26"/>
      <c r="O3" s="27"/>
      <c r="P3" s="28" t="s">
        <v>8</v>
      </c>
      <c r="Q3" s="29"/>
      <c r="R3" s="29"/>
      <c r="S3" s="29"/>
      <c r="T3" s="29"/>
      <c r="U3" s="29"/>
      <c r="V3" s="29"/>
      <c r="W3" s="30"/>
    </row>
    <row r="4" spans="1:23" ht="30" customHeight="1" x14ac:dyDescent="0.4">
      <c r="A4" s="8"/>
      <c r="B4" s="20"/>
      <c r="C4" s="21"/>
      <c r="D4" s="21"/>
      <c r="E4" s="21"/>
      <c r="F4" s="21"/>
      <c r="G4" s="22"/>
      <c r="H4" s="23" t="s">
        <v>5</v>
      </c>
      <c r="I4" s="24"/>
      <c r="J4" s="25" t="s">
        <v>6</v>
      </c>
      <c r="K4" s="26" t="s">
        <v>7</v>
      </c>
      <c r="L4" s="26"/>
      <c r="M4" s="26"/>
      <c r="N4" s="26"/>
      <c r="O4" s="27"/>
      <c r="P4" s="28" t="s">
        <v>8</v>
      </c>
      <c r="Q4" s="29"/>
      <c r="R4" s="29"/>
      <c r="S4" s="29"/>
      <c r="T4" s="29"/>
      <c r="U4" s="29"/>
      <c r="V4" s="29"/>
      <c r="W4" s="30"/>
    </row>
    <row r="5" spans="1:23" ht="30" customHeight="1" x14ac:dyDescent="0.4">
      <c r="A5" s="31"/>
      <c r="B5" s="32"/>
      <c r="C5" s="33"/>
      <c r="D5" s="33"/>
      <c r="E5" s="33"/>
      <c r="F5" s="33"/>
      <c r="G5" s="34"/>
      <c r="H5" s="35" t="s">
        <v>5</v>
      </c>
      <c r="I5" s="36"/>
      <c r="J5" s="37" t="s">
        <v>6</v>
      </c>
      <c r="K5" s="38" t="s">
        <v>7</v>
      </c>
      <c r="L5" s="38"/>
      <c r="M5" s="38"/>
      <c r="N5" s="38"/>
      <c r="O5" s="39"/>
      <c r="P5" s="40" t="s">
        <v>8</v>
      </c>
      <c r="Q5" s="41"/>
      <c r="R5" s="41"/>
      <c r="S5" s="41"/>
      <c r="T5" s="41"/>
      <c r="U5" s="41"/>
      <c r="V5" s="41"/>
      <c r="W5" s="42"/>
    </row>
    <row r="6" spans="1:23" ht="14.1" customHeight="1" x14ac:dyDescent="0.4">
      <c r="H6" s="43"/>
      <c r="I6" s="43"/>
      <c r="J6" s="43"/>
      <c r="K6" s="43"/>
      <c r="L6" s="43"/>
      <c r="M6" s="43"/>
      <c r="N6" s="43"/>
      <c r="O6" s="43"/>
      <c r="P6" s="43"/>
      <c r="W6" s="44"/>
    </row>
    <row r="7" spans="1:23" ht="24" x14ac:dyDescent="0.25">
      <c r="A7" s="45" t="s">
        <v>9</v>
      </c>
      <c r="B7" s="45"/>
      <c r="C7" s="45"/>
      <c r="D7" s="45"/>
      <c r="E7" s="45"/>
      <c r="F7" s="45"/>
      <c r="G7" s="45"/>
      <c r="H7" s="45"/>
      <c r="I7" s="45"/>
      <c r="J7" s="45"/>
      <c r="K7" s="45"/>
      <c r="L7" s="45"/>
      <c r="M7" s="45"/>
      <c r="N7" s="45"/>
      <c r="O7" s="45"/>
      <c r="P7" s="45"/>
      <c r="Q7" s="45"/>
      <c r="R7" s="45"/>
      <c r="S7" s="45"/>
      <c r="T7" s="45"/>
      <c r="U7" s="45"/>
      <c r="V7" s="45"/>
      <c r="W7" s="46"/>
    </row>
    <row r="8" spans="1:23" ht="9" customHeight="1" x14ac:dyDescent="0.4">
      <c r="W8" s="44"/>
    </row>
    <row r="9" spans="1:23" x14ac:dyDescent="0.4">
      <c r="A9" s="47" t="s">
        <v>10</v>
      </c>
      <c r="B9" s="48"/>
      <c r="C9" s="48"/>
      <c r="D9" s="48"/>
      <c r="E9" s="48"/>
      <c r="F9" s="48"/>
      <c r="G9" s="48"/>
      <c r="H9" s="48"/>
      <c r="I9" s="48"/>
      <c r="J9" s="48"/>
      <c r="K9" s="48"/>
      <c r="L9" s="48"/>
      <c r="M9" s="48"/>
      <c r="N9" s="48"/>
      <c r="O9" s="48"/>
      <c r="P9" s="48"/>
      <c r="Q9" s="48"/>
      <c r="R9" s="48"/>
      <c r="S9" s="48"/>
      <c r="T9" s="48"/>
      <c r="U9" s="48"/>
      <c r="V9" s="48"/>
      <c r="W9" s="49"/>
    </row>
    <row r="10" spans="1:23" ht="33" customHeight="1" x14ac:dyDescent="0.4">
      <c r="A10" s="50"/>
      <c r="B10" s="51" t="s">
        <v>11</v>
      </c>
      <c r="C10" s="51"/>
      <c r="D10" s="51"/>
      <c r="E10" s="43" t="s">
        <v>12</v>
      </c>
      <c r="F10" s="52"/>
      <c r="G10" s="52"/>
      <c r="H10" s="52"/>
      <c r="I10" s="52"/>
      <c r="J10" s="52"/>
      <c r="K10" s="52"/>
      <c r="L10" s="52"/>
      <c r="M10" s="52"/>
      <c r="N10" s="52"/>
      <c r="O10" s="52"/>
      <c r="Q10" s="7" t="s">
        <v>13</v>
      </c>
      <c r="T10" s="52"/>
      <c r="U10" s="52"/>
      <c r="W10" s="44"/>
    </row>
    <row r="11" spans="1:23" ht="33" customHeight="1" x14ac:dyDescent="0.4">
      <c r="A11" s="50"/>
      <c r="B11" s="51" t="s">
        <v>14</v>
      </c>
      <c r="C11" s="51"/>
      <c r="D11" s="51"/>
      <c r="E11" s="43" t="s">
        <v>12</v>
      </c>
      <c r="F11" s="52" t="s">
        <v>15</v>
      </c>
      <c r="G11" s="52"/>
      <c r="H11" s="52"/>
      <c r="I11" s="52"/>
      <c r="J11" s="52"/>
      <c r="K11" s="52"/>
      <c r="L11" s="52"/>
      <c r="M11" s="52"/>
      <c r="N11" s="52"/>
      <c r="O11" s="52"/>
      <c r="P11" s="52"/>
      <c r="Q11" s="52"/>
      <c r="R11" s="43"/>
      <c r="T11" s="43" t="s">
        <v>16</v>
      </c>
      <c r="U11" s="43"/>
      <c r="W11" s="44"/>
    </row>
    <row r="12" spans="1:23" ht="33" customHeight="1" x14ac:dyDescent="0.4">
      <c r="A12" s="50"/>
      <c r="B12" s="51" t="s">
        <v>17</v>
      </c>
      <c r="C12" s="51"/>
      <c r="D12" s="51"/>
      <c r="E12" s="43" t="s">
        <v>12</v>
      </c>
      <c r="F12" s="52"/>
      <c r="G12" s="52"/>
      <c r="H12" s="52"/>
      <c r="I12" s="52"/>
      <c r="J12" s="52"/>
      <c r="K12" s="52"/>
      <c r="L12" s="52"/>
      <c r="M12" s="52"/>
      <c r="N12" s="52"/>
      <c r="O12" s="52"/>
      <c r="P12" s="52"/>
      <c r="Q12" s="52"/>
      <c r="R12" s="52"/>
      <c r="S12" s="52"/>
      <c r="T12" s="52"/>
      <c r="U12" s="52"/>
      <c r="V12" s="52"/>
      <c r="W12" s="44"/>
    </row>
    <row r="13" spans="1:23" ht="33" customHeight="1" x14ac:dyDescent="0.4">
      <c r="A13" s="50"/>
      <c r="B13" s="53" t="s">
        <v>18</v>
      </c>
      <c r="C13" s="53"/>
      <c r="D13" s="53"/>
      <c r="E13" s="43" t="s">
        <v>12</v>
      </c>
      <c r="F13" s="7" t="s">
        <v>19</v>
      </c>
      <c r="I13" s="7" t="s">
        <v>20</v>
      </c>
      <c r="K13" s="54" t="s">
        <v>20</v>
      </c>
      <c r="N13" s="7" t="s">
        <v>21</v>
      </c>
      <c r="Q13" s="54" t="s">
        <v>20</v>
      </c>
      <c r="T13" s="7" t="s">
        <v>20</v>
      </c>
      <c r="W13" s="44"/>
    </row>
    <row r="14" spans="1:23" ht="18.95" customHeight="1" x14ac:dyDescent="0.4">
      <c r="A14" s="55" t="s">
        <v>22</v>
      </c>
      <c r="B14" s="56"/>
      <c r="C14" s="56"/>
      <c r="D14" s="56"/>
      <c r="E14" s="56"/>
      <c r="F14" s="56"/>
      <c r="G14" s="56"/>
      <c r="H14" s="56"/>
      <c r="I14" s="56"/>
      <c r="J14" s="56"/>
      <c r="K14" s="56"/>
      <c r="L14" s="57" t="s">
        <v>23</v>
      </c>
      <c r="M14" s="56"/>
      <c r="N14" s="56"/>
      <c r="O14" s="56"/>
      <c r="P14" s="56"/>
      <c r="Q14" s="56"/>
      <c r="R14" s="56"/>
      <c r="S14" s="56"/>
      <c r="T14" s="56"/>
      <c r="U14" s="56"/>
      <c r="V14" s="56"/>
      <c r="W14" s="58"/>
    </row>
    <row r="15" spans="1:23" ht="26.45" customHeight="1" x14ac:dyDescent="0.4">
      <c r="A15" s="59"/>
      <c r="B15" s="60" t="s">
        <v>24</v>
      </c>
      <c r="C15" s="60"/>
      <c r="D15" s="60"/>
      <c r="E15" s="60"/>
      <c r="F15" s="60"/>
      <c r="G15" s="60"/>
      <c r="H15" s="60"/>
      <c r="I15" s="60"/>
      <c r="J15" s="60"/>
      <c r="K15" s="61"/>
      <c r="L15" s="59"/>
      <c r="M15" s="62"/>
      <c r="N15" s="62"/>
      <c r="O15" s="63"/>
      <c r="P15" s="62"/>
      <c r="Q15" s="62"/>
      <c r="R15" s="62"/>
      <c r="S15" s="62"/>
      <c r="T15" s="63"/>
      <c r="U15" s="62"/>
      <c r="V15" s="62"/>
      <c r="W15" s="64"/>
    </row>
    <row r="16" spans="1:23" ht="18" customHeight="1" x14ac:dyDescent="0.4">
      <c r="A16" s="57" t="s">
        <v>25</v>
      </c>
      <c r="B16" s="65"/>
      <c r="C16" s="65"/>
      <c r="D16" s="65"/>
      <c r="E16" s="65"/>
      <c r="F16" s="65"/>
      <c r="G16" s="65"/>
      <c r="H16" s="65"/>
      <c r="I16" s="65"/>
      <c r="J16" s="65"/>
      <c r="K16" s="65"/>
      <c r="L16" s="57" t="s">
        <v>26</v>
      </c>
      <c r="M16" s="65"/>
      <c r="N16" s="65"/>
      <c r="O16" s="65"/>
      <c r="P16" s="65"/>
      <c r="Q16" s="65"/>
      <c r="R16" s="65"/>
      <c r="S16" s="65"/>
      <c r="T16" s="65"/>
      <c r="U16" s="65"/>
      <c r="V16" s="65"/>
      <c r="W16" s="66"/>
    </row>
    <row r="17" spans="1:23" ht="18" customHeight="1" x14ac:dyDescent="0.4">
      <c r="A17" s="50"/>
      <c r="L17" s="50"/>
      <c r="M17" s="7" t="s">
        <v>27</v>
      </c>
      <c r="W17" s="44"/>
    </row>
    <row r="18" spans="1:23" ht="26.1" customHeight="1" x14ac:dyDescent="0.4">
      <c r="A18" s="67"/>
      <c r="B18" s="68"/>
      <c r="C18" s="68"/>
      <c r="D18" s="68"/>
      <c r="E18" s="68"/>
      <c r="F18" s="68"/>
      <c r="G18" s="68"/>
      <c r="H18" s="68"/>
      <c r="I18" s="68"/>
      <c r="J18" s="68"/>
      <c r="K18" s="68"/>
      <c r="L18" s="67"/>
      <c r="M18" s="68" t="s">
        <v>28</v>
      </c>
      <c r="N18" s="68"/>
      <c r="O18" s="68"/>
      <c r="P18" s="68"/>
      <c r="Q18" s="68"/>
      <c r="R18" s="68"/>
      <c r="S18" s="68"/>
      <c r="T18" s="68"/>
      <c r="U18" s="68"/>
      <c r="V18" s="68"/>
      <c r="W18" s="69"/>
    </row>
    <row r="19" spans="1:23" ht="21" customHeight="1" x14ac:dyDescent="0.4">
      <c r="A19" s="57" t="s">
        <v>29</v>
      </c>
      <c r="B19" s="65"/>
      <c r="C19" s="65"/>
      <c r="D19" s="65"/>
      <c r="E19" s="65"/>
      <c r="F19" s="65"/>
      <c r="G19" s="65"/>
      <c r="H19" s="65"/>
      <c r="I19" s="65"/>
      <c r="J19" s="65"/>
      <c r="K19" s="65"/>
      <c r="L19" s="65"/>
      <c r="M19" s="65"/>
      <c r="N19" s="65"/>
      <c r="O19" s="65"/>
      <c r="P19" s="65"/>
      <c r="Q19" s="65"/>
      <c r="R19" s="65"/>
      <c r="S19" s="65"/>
      <c r="T19" s="65"/>
      <c r="U19" s="65"/>
      <c r="V19" s="65"/>
      <c r="W19" s="66"/>
    </row>
    <row r="20" spans="1:23" ht="24.95" customHeight="1" x14ac:dyDescent="0.4">
      <c r="A20" s="50"/>
      <c r="W20" s="44"/>
    </row>
    <row r="21" spans="1:23" ht="21" customHeight="1" x14ac:dyDescent="0.4">
      <c r="A21" s="50"/>
      <c r="W21" s="44"/>
    </row>
    <row r="22" spans="1:23" ht="21" customHeight="1" x14ac:dyDescent="0.4">
      <c r="A22" s="50"/>
      <c r="W22" s="44"/>
    </row>
    <row r="23" spans="1:23" ht="14.45" customHeight="1" x14ac:dyDescent="0.4">
      <c r="A23" s="50"/>
      <c r="W23" s="44"/>
    </row>
    <row r="24" spans="1:23" ht="14.45" customHeight="1" x14ac:dyDescent="0.4">
      <c r="A24" s="50"/>
      <c r="W24" s="44"/>
    </row>
    <row r="25" spans="1:23" ht="14.45" customHeight="1" x14ac:dyDescent="0.4">
      <c r="A25" s="50"/>
      <c r="W25" s="44"/>
    </row>
    <row r="26" spans="1:23" ht="14.45" customHeight="1" x14ac:dyDescent="0.4">
      <c r="A26" s="70" t="s">
        <v>30</v>
      </c>
      <c r="B26" s="65"/>
      <c r="C26" s="65"/>
      <c r="D26" s="65"/>
      <c r="E26" s="65"/>
      <c r="F26" s="65"/>
      <c r="G26" s="65"/>
      <c r="H26" s="65"/>
      <c r="I26" s="65"/>
      <c r="J26" s="65"/>
      <c r="K26" s="65"/>
      <c r="L26" s="65"/>
      <c r="M26" s="65"/>
      <c r="N26" s="65"/>
      <c r="O26" s="65"/>
      <c r="P26" s="65"/>
      <c r="Q26" s="65"/>
      <c r="R26" s="65"/>
      <c r="S26" s="65"/>
      <c r="T26" s="65"/>
      <c r="U26" s="65"/>
      <c r="V26" s="65"/>
      <c r="W26" s="66"/>
    </row>
    <row r="27" spans="1:23" ht="14.45" customHeight="1" x14ac:dyDescent="0.4">
      <c r="A27" s="50"/>
      <c r="B27" s="71" t="s">
        <v>31</v>
      </c>
      <c r="C27" s="72"/>
      <c r="D27" s="65"/>
      <c r="E27" s="65"/>
      <c r="F27" s="65"/>
      <c r="G27" s="65"/>
      <c r="H27" s="65"/>
      <c r="I27" s="65"/>
      <c r="J27" s="65"/>
      <c r="K27" s="65"/>
      <c r="L27" s="71" t="s">
        <v>32</v>
      </c>
      <c r="M27" s="65"/>
      <c r="N27" s="65"/>
      <c r="O27" s="71"/>
      <c r="P27" s="65"/>
      <c r="Q27" s="65"/>
      <c r="R27" s="65"/>
      <c r="S27" s="65"/>
      <c r="T27" s="65"/>
      <c r="U27" s="65"/>
      <c r="V27" s="66"/>
      <c r="W27" s="44"/>
    </row>
    <row r="28" spans="1:23" ht="14.45" customHeight="1" x14ac:dyDescent="0.4">
      <c r="A28" s="50"/>
      <c r="B28" s="57" t="s">
        <v>33</v>
      </c>
      <c r="C28" s="65"/>
      <c r="D28" s="65"/>
      <c r="E28" s="65"/>
      <c r="F28" s="65"/>
      <c r="G28" s="65"/>
      <c r="H28" s="65"/>
      <c r="I28" s="65"/>
      <c r="J28" s="65"/>
      <c r="K28" s="65"/>
      <c r="L28" s="57" t="s">
        <v>34</v>
      </c>
      <c r="M28" s="65"/>
      <c r="N28" s="65"/>
      <c r="O28" s="57"/>
      <c r="P28" s="65"/>
      <c r="Q28" s="65"/>
      <c r="R28" s="65"/>
      <c r="S28" s="65"/>
      <c r="T28" s="65"/>
      <c r="U28" s="65"/>
      <c r="V28" s="66"/>
      <c r="W28" s="44"/>
    </row>
    <row r="29" spans="1:23" ht="14.45" customHeight="1" x14ac:dyDescent="0.4">
      <c r="A29" s="50"/>
      <c r="B29" s="50" t="s">
        <v>35</v>
      </c>
      <c r="L29" s="50" t="s">
        <v>36</v>
      </c>
      <c r="O29" s="50"/>
      <c r="V29" s="44"/>
      <c r="W29" s="44"/>
    </row>
    <row r="30" spans="1:23" ht="14.45" customHeight="1" x14ac:dyDescent="0.4">
      <c r="A30" s="50"/>
      <c r="B30" s="50" t="s">
        <v>37</v>
      </c>
      <c r="L30" s="50" t="s">
        <v>38</v>
      </c>
      <c r="O30" s="50"/>
      <c r="V30" s="44"/>
      <c r="W30" s="44"/>
    </row>
    <row r="31" spans="1:23" ht="14.45" customHeight="1" x14ac:dyDescent="0.4">
      <c r="A31" s="50"/>
      <c r="B31" s="67"/>
      <c r="C31" s="68"/>
      <c r="D31" s="68"/>
      <c r="E31" s="68"/>
      <c r="F31" s="68"/>
      <c r="G31" s="68"/>
      <c r="H31" s="68"/>
      <c r="I31" s="68"/>
      <c r="J31" s="68"/>
      <c r="K31" s="68"/>
      <c r="L31" s="67" t="s">
        <v>39</v>
      </c>
      <c r="M31" s="68"/>
      <c r="N31" s="68"/>
      <c r="O31" s="67"/>
      <c r="P31" s="68"/>
      <c r="Q31" s="68"/>
      <c r="R31" s="68"/>
      <c r="S31" s="68"/>
      <c r="T31" s="68"/>
      <c r="U31" s="68"/>
      <c r="V31" s="69"/>
      <c r="W31" s="44"/>
    </row>
    <row r="32" spans="1:23" ht="14.45" customHeight="1" x14ac:dyDescent="0.4">
      <c r="A32" s="67"/>
      <c r="B32" s="73" t="s">
        <v>40</v>
      </c>
      <c r="C32" s="68"/>
      <c r="D32" s="68"/>
      <c r="E32" s="68"/>
      <c r="F32" s="68"/>
      <c r="G32" s="68"/>
      <c r="H32" s="68"/>
      <c r="I32" s="68"/>
      <c r="J32" s="68"/>
      <c r="K32" s="68"/>
      <c r="L32" s="68"/>
      <c r="M32" s="68"/>
      <c r="N32" s="68"/>
      <c r="O32" s="68"/>
      <c r="P32" s="68"/>
      <c r="Q32" s="68"/>
      <c r="R32" s="68"/>
      <c r="S32" s="68"/>
      <c r="T32" s="68"/>
      <c r="U32" s="68"/>
      <c r="V32" s="68"/>
      <c r="W32" s="69"/>
    </row>
    <row r="33" spans="1:23" ht="18.75" customHeight="1" x14ac:dyDescent="0.15">
      <c r="A33" s="57"/>
      <c r="H33" s="65"/>
      <c r="I33" s="65"/>
      <c r="J33" s="65"/>
      <c r="K33" s="65"/>
      <c r="L33" s="65"/>
      <c r="M33" s="65"/>
      <c r="N33" s="65"/>
      <c r="O33" s="74" t="s">
        <v>41</v>
      </c>
      <c r="P33" s="65"/>
      <c r="Q33" s="65"/>
      <c r="R33" s="65"/>
      <c r="S33" s="65"/>
      <c r="T33" s="65"/>
      <c r="U33" s="65"/>
      <c r="V33" s="65"/>
      <c r="W33" s="66"/>
    </row>
    <row r="34" spans="1:23" ht="18.75" customHeight="1" x14ac:dyDescent="0.15">
      <c r="A34" s="50"/>
      <c r="B34" s="7" t="s">
        <v>42</v>
      </c>
      <c r="O34" s="75" t="s">
        <v>43</v>
      </c>
      <c r="P34" s="75"/>
      <c r="Q34" s="75"/>
      <c r="R34" s="75"/>
      <c r="S34" s="75"/>
      <c r="T34" s="75"/>
      <c r="U34" s="75"/>
      <c r="W34" s="44"/>
    </row>
    <row r="35" spans="1:23" ht="18.75" customHeight="1" x14ac:dyDescent="0.4">
      <c r="A35" s="50"/>
      <c r="W35" s="44"/>
    </row>
    <row r="36" spans="1:23" ht="18.75" customHeight="1" x14ac:dyDescent="0.4">
      <c r="A36" s="50"/>
      <c r="B36" s="7" t="s">
        <v>44</v>
      </c>
      <c r="W36" s="44"/>
    </row>
    <row r="37" spans="1:23" ht="18.75" customHeight="1" x14ac:dyDescent="0.4">
      <c r="A37" s="50"/>
      <c r="W37" s="44"/>
    </row>
    <row r="38" spans="1:23" ht="18.75" customHeight="1" x14ac:dyDescent="0.4">
      <c r="A38" s="50"/>
      <c r="B38" s="7" t="s">
        <v>45</v>
      </c>
      <c r="P38" s="7" t="s">
        <v>46</v>
      </c>
      <c r="W38" s="44"/>
    </row>
    <row r="39" spans="1:23" ht="18.75" customHeight="1" x14ac:dyDescent="0.4">
      <c r="A39" s="67"/>
      <c r="B39" s="68"/>
      <c r="C39" s="68"/>
      <c r="D39" s="68"/>
      <c r="E39" s="68"/>
      <c r="F39" s="68"/>
      <c r="G39" s="68"/>
      <c r="H39" s="68"/>
      <c r="I39" s="68"/>
      <c r="J39" s="68"/>
      <c r="K39" s="68"/>
      <c r="L39" s="68"/>
      <c r="M39" s="68"/>
      <c r="N39" s="68"/>
      <c r="O39" s="68"/>
      <c r="P39" s="68"/>
      <c r="Q39" s="68"/>
      <c r="R39" s="68"/>
      <c r="S39" s="68"/>
      <c r="T39" s="68"/>
      <c r="U39" s="68"/>
      <c r="V39" s="68"/>
      <c r="W39" s="69"/>
    </row>
    <row r="40" spans="1:23" s="76" customFormat="1" ht="18.75" customHeight="1" x14ac:dyDescent="0.4"/>
  </sheetData>
  <mergeCells count="25">
    <mergeCell ref="B15:K15"/>
    <mergeCell ref="O34:U34"/>
    <mergeCell ref="A7:W7"/>
    <mergeCell ref="A9:W9"/>
    <mergeCell ref="B10:D10"/>
    <mergeCell ref="B11:D11"/>
    <mergeCell ref="B12:D12"/>
    <mergeCell ref="B13:D13"/>
    <mergeCell ref="P3:W3"/>
    <mergeCell ref="H4:I4"/>
    <mergeCell ref="K4:O4"/>
    <mergeCell ref="P4:W4"/>
    <mergeCell ref="H5:I5"/>
    <mergeCell ref="K5:O5"/>
    <mergeCell ref="P5:W5"/>
    <mergeCell ref="A1:A5"/>
    <mergeCell ref="B1:G1"/>
    <mergeCell ref="H1:I1"/>
    <mergeCell ref="J1:O1"/>
    <mergeCell ref="P1:W1"/>
    <mergeCell ref="H2:I2"/>
    <mergeCell ref="K2:O2"/>
    <mergeCell ref="P2:W2"/>
    <mergeCell ref="H3:I3"/>
    <mergeCell ref="K3:O3"/>
  </mergeCells>
  <phoneticPr fontId="2"/>
  <printOptions horizontalCentered="1" verticalCentered="1"/>
  <pageMargins left="0.43307086614173229" right="0.27559055118110237" top="0.39370078740157483" bottom="0.39370078740157483" header="0.31496062992125984" footer="0.31496062992125984"/>
  <pageSetup paperSize="9" scale="94" firstPageNumber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診断書（保護者用）</vt:lpstr>
      <vt:lpstr>'診断書（保護者用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粟國　由里江</dc:creator>
  <cp:lastModifiedBy>粟國　由里江</cp:lastModifiedBy>
  <dcterms:created xsi:type="dcterms:W3CDTF">2026-02-13T07:34:25Z</dcterms:created>
  <dcterms:modified xsi:type="dcterms:W3CDTF">2026-02-13T07:35:45Z</dcterms:modified>
</cp:coreProperties>
</file>